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ELOMY001\Desktop\Disney\Bulletins\s1\"/>
    </mc:Choice>
  </mc:AlternateContent>
  <bookViews>
    <workbookView xWindow="0" yWindow="0" windowWidth="24000" windowHeight="9630" activeTab="1"/>
  </bookViews>
  <sheets>
    <sheet name="DISNEY CHANNEL" sheetId="2" r:id="rId1"/>
    <sheet name="DISNEY JUNIOR" sheetId="1" r:id="rId2"/>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4736" uniqueCount="2015">
  <si>
    <t>TX Date</t>
  </si>
  <si>
    <t>Day</t>
  </si>
  <si>
    <t>TX Time</t>
  </si>
  <si>
    <t>Series Title</t>
  </si>
  <si>
    <t>Episode Title</t>
  </si>
  <si>
    <t>Episode No</t>
  </si>
  <si>
    <t>Season</t>
  </si>
  <si>
    <t>Cast Info</t>
  </si>
  <si>
    <t>Synopsis</t>
  </si>
  <si>
    <t>Programme Type</t>
  </si>
  <si>
    <t>Genre</t>
  </si>
  <si>
    <t>Production Country</t>
  </si>
  <si>
    <t>Production Year</t>
  </si>
  <si>
    <t>Duration</t>
  </si>
  <si>
    <t>IDSubtitle</t>
  </si>
  <si>
    <t>Sound</t>
  </si>
  <si>
    <t>Programme Format</t>
  </si>
  <si>
    <t>TX ID</t>
  </si>
  <si>
    <t>Inedit</t>
  </si>
  <si>
    <t>LSF</t>
  </si>
  <si>
    <t>Audio Described</t>
  </si>
  <si>
    <t>DJFR</t>
  </si>
  <si>
    <t>02/01/2021</t>
  </si>
  <si>
    <t>samedi</t>
  </si>
  <si>
    <t>06:00:00</t>
  </si>
  <si>
    <t>LA MAISON DE MICKEY</t>
  </si>
  <si>
    <t>63</t>
  </si>
  <si>
    <t>2</t>
  </si>
  <si>
    <t>Réalisateur: Vic Cook, Réalisateur: Donovan Cook, Réalisateur: Rob LaDuca, Réalisateur: Sherie Pollack, Interprète: They Might Be GiantsRéalisateur: Vic Cook, Réalisateur: Donovan Cook, Réalisateur: Rob LaDuca, Réalisateur: Sherie Pollack, Interprète: They Might Be Giants</t>
  </si>
  <si>
    <t>Série</t>
  </si>
  <si>
    <t>Animation</t>
  </si>
  <si>
    <t>États-Unis</t>
  </si>
  <si>
    <t>2005</t>
  </si>
  <si>
    <t>23min</t>
  </si>
  <si>
    <t/>
  </si>
  <si>
    <t>HD</t>
  </si>
  <si>
    <t>06:30:00</t>
  </si>
  <si>
    <t>Les canards de Donald</t>
  </si>
  <si>
    <t>62</t>
  </si>
  <si>
    <t>Donald &amp; Mickey aident des petits canards à regagner la plage grâce à leurs amis et leurs outils.</t>
  </si>
  <si>
    <t>FR30680-HDTX</t>
  </si>
  <si>
    <t>07:00:00</t>
  </si>
  <si>
    <t>BLUEY</t>
  </si>
  <si>
    <t>Le Barbecue</t>
  </si>
  <si>
    <t>7</t>
  </si>
  <si>
    <t>1</t>
  </si>
  <si>
    <t>Réalisateur: Richard Jeffery, Réalisateur: Joe BrummRéalisateur: Richard Jeffery, Réalisateur: Joe Brumm</t>
  </si>
  <si>
    <t>On déjeune sur la terrasse mais pas de barbecue sans salade ! Bingo ne se reposera pas avant d'avoir trouvé les poivrons de toutes les couleurs que lui réclament ses cousines pour la meilleure des salades. Elle va cueillir des plantes vertes, elle prend des pétales de fleurs jaunes et va chercher des fleurs de flamboyant. Mais elle ne peut toujours pas se reposer car elle doit faire une sauce pour la salade ! Après s'être débattue avec le tuyau d'arrosage, Bingo est pleine de boue et quand elle fini, elle a compris que la bonne cuisine nécessite beaucoup de travail.</t>
  </si>
  <si>
    <t>Australie</t>
  </si>
  <si>
    <t>2019</t>
  </si>
  <si>
    <t>7min</t>
  </si>
  <si>
    <t>FR79428-HDTX</t>
  </si>
  <si>
    <t>07:10:00</t>
  </si>
  <si>
    <t>La Chauve-souris</t>
  </si>
  <si>
    <t>8</t>
  </si>
  <si>
    <t>Réalisateur: Joe Brumm, Réalisateur: Richard JefferyRéalisateur: Richard Jeffery, Réalisateur: Joe Brumm</t>
  </si>
  <si>
    <t>N'étant pas autorisée à se coucher tard, Bluey rêve qu'elle est une chauve-souris afin de pouvoir rester éveillée toute la nuit. Elle se retrouve bientôt à voler dans la nuit étoilée.</t>
  </si>
  <si>
    <t>FR79429-HDTX</t>
  </si>
  <si>
    <t>07:20:00</t>
  </si>
  <si>
    <t>A Cheval !</t>
  </si>
  <si>
    <t>9</t>
  </si>
  <si>
    <t>Maman et tante Trixie sont sorties laissant Bluey, Bingo et leurs cousines avec Papa et oncle Stripe. Ceux-ci voulaient regarder du criquet mais se font engagés comme chevaux de course. Bluey a oublié de ranger Poly Ponette, sa peluche préférée. Socks la prend et ne veut plus la lâcher. Afin de distraire Socks et récupérer la peluche intacte, les enfants organisent un mariage de chevaux avec Papa en Galopin et oncle Stripe en Etincelle. Mais Etincelle ne veut pas se marier et s'échappe. Socks abandonne alors la peluche pour coincer Etincelle et Bluey récupère sa précieuse Polly Ponette.</t>
  </si>
  <si>
    <t>FR79430-HDTX</t>
  </si>
  <si>
    <t>07:30:00</t>
  </si>
  <si>
    <t>L'Hotel</t>
  </si>
  <si>
    <t>10</t>
  </si>
  <si>
    <t>Papa se trouve embarqué dans le "Jeu de L'hôtel", dans lequel Bluey et Bingo dirigent un hôtel très farfelu dont Papa est le malheureux client. Mais comme Bluey commence à tout décider dans le jeu, Bingo cesse de jouer, mettant sa sœur dans l'obligation d'apprendre à faire des compromis pour que le jeu puisse se poursuivre.</t>
  </si>
  <si>
    <t>FR79380-HDTX</t>
  </si>
  <si>
    <t>07:40:00</t>
  </si>
  <si>
    <t>Bicyclette</t>
  </si>
  <si>
    <t>11</t>
  </si>
  <si>
    <t>Au parc, Bluey se bat avec sa bicyclette sans y arriver. Mais en observant avec Papa la détermination que mettent ses amis à accomplir leur tâches, Bluey décide de persévérer.</t>
  </si>
  <si>
    <t>FR79381-HDTX</t>
  </si>
  <si>
    <t>07:50:00</t>
  </si>
  <si>
    <t>Bob, le Bilby</t>
  </si>
  <si>
    <t>12</t>
  </si>
  <si>
    <t>Lorsque c'est au tour de Bingo d'emmener Bob, le bilby, la marionnette de la maternelle à la maison et de raconter son week-end dans le scrapbook, la famille décide de laisser de côté ses écrans pour lui faire passer un bon moment.</t>
  </si>
  <si>
    <t>FR79382-HDTX</t>
  </si>
  <si>
    <t>08:00:00</t>
  </si>
  <si>
    <t>Le chapeau de Dingo</t>
  </si>
  <si>
    <t>35</t>
  </si>
  <si>
    <t>Tout le monde est présent pour la photo de groupe ! Enfin presque.</t>
  </si>
  <si>
    <t>FR30656-HDTX</t>
  </si>
  <si>
    <t>08:30:00</t>
  </si>
  <si>
    <t>LES AVENTURES DE MICKEY ET SES AMIS</t>
  </si>
  <si>
    <t>Où est Mickey ? / Des Coucous à Hotdogville !</t>
  </si>
  <si>
    <t>3</t>
  </si>
  <si>
    <t>La journée de Mickey commence mal est il doit s'en accommoder. Les cousins Parisiens de Coucou-Loulou lui rendent visite.</t>
  </si>
  <si>
    <t>FR82280-HDTX</t>
  </si>
  <si>
    <t>09:00:00</t>
  </si>
  <si>
    <t>Le labo méli-mélo de Mickey / Concours de Bénévoles</t>
  </si>
  <si>
    <t>52</t>
  </si>
  <si>
    <t>Après les manipulations de Tic et Tac sur le labo mobile de Mickey, tous les pilotes se retrouvent avec des bolides plutôt farfelus. Nettoyer les vitres devient l'objet d'une compétition acharnée entre Minnie et Daisy.</t>
  </si>
  <si>
    <t>FR82270-HDTX</t>
  </si>
  <si>
    <t>Le monster truck de Mickey / La maison de vacances de Minnie</t>
  </si>
  <si>
    <t>57</t>
  </si>
  <si>
    <t>Mickey transforme sa voiture en monster truck par accident ! Daisy et Coucou-Loulou craignent que Minnie ne déménage.</t>
  </si>
  <si>
    <t>FR82275-HDTX</t>
  </si>
  <si>
    <t>10:00:00</t>
  </si>
  <si>
    <t>VAMPIRINA</t>
  </si>
  <si>
    <t>Les Vampisitters / Tous pour Demi</t>
  </si>
  <si>
    <t>5</t>
  </si>
  <si>
    <t>Réalisateur: Ehud Landsberg, Réalisateur: Jonmark Marten</t>
  </si>
  <si>
    <t>Vampirina doit garder sa petite cousine qui s’avère être une petite terreur. Des chasseurs de fantômes viennent chez les Hantley qui essaient de les convaincre que la maison n’est pas hantée.</t>
  </si>
  <si>
    <t>2017</t>
  </si>
  <si>
    <t>FR34587-HDTX</t>
  </si>
  <si>
    <t>10:30:00</t>
  </si>
  <si>
    <t>Vamping dans les bois / Le ronflement du monstre</t>
  </si>
  <si>
    <t>6</t>
  </si>
  <si>
    <t>Réalisateur: Ehud Landsberg, Réalisateur: Nicky Phelan</t>
  </si>
  <si>
    <t>Vampirina et ses parents, ainsi que Poppy, Edna et Edgar, partent faire du "vamping" dans les bois. L'auberge à cauchemars tenue par la famille Hantley se prépare à recevoir Matilda, une Calinnatou.</t>
  </si>
  <si>
    <t>FR34588-HDTX</t>
  </si>
  <si>
    <t>11:00:00</t>
  </si>
  <si>
    <t>PYJAMASQUES: LES HÉROS DU CIEL</t>
  </si>
  <si>
    <t>Sorceline dérobe un service à thé ancien au musée mais les Pyjamasques la suivent. Bibou est très énervée par la méchanceté de Sorceline, mais quand celle-ci les appelle à l’aide, nos trois héros n’hésitent pas un seul instant.Bibou a du mal à faire équipe avec elle, mais lorsque Roméo dérobe le Pyja-cristal, elle est bien décidée à tout faire pour l’empêcher de s’emparer des pouvoirs des Pyjamasques.</t>
  </si>
  <si>
    <t>Special</t>
  </si>
  <si>
    <t>France</t>
  </si>
  <si>
    <t>45min</t>
  </si>
  <si>
    <t>Version sous-titrée sourds et malentendants</t>
  </si>
  <si>
    <t>FR87785-HDTX</t>
  </si>
  <si>
    <t>12:00:00</t>
  </si>
  <si>
    <t>Le Xylophone Magique</t>
  </si>
  <si>
    <t>Bluey et Bingo retrouvent un xylophone magique qui a le pouvoir de pétrifier les gens. Elles s'en servent aux dépens de Papa, le figeant dans des positions drôles mais peu flatteuses. Bluey, grisée par ce pouvoir, ne veut pas prêter le xylophone à Bingo malgré les injonctions de Maman. Papa, profitant du conflit entre ses filles, réussit à s'emparer du xylophone et paralyse Bluey dont le seul espoir de libération dépend de Bingo. Les fillettes finissent par s'entendre et collaborent pour récupérer le xylophone magique au grand dam de Papa qui se retrouve à leur merci.</t>
  </si>
  <si>
    <t>FR79379-HDTX</t>
  </si>
  <si>
    <t>Le Week-end / Le Barbecue / La Chauve-souris Frugivore</t>
  </si>
  <si>
    <t>Bingo s'énerve lorsque son père ne remarque pas la sauterelle qui marche dans le jardin. Bingo prépare la meilleure salade au monde. Bluey rêve d'être une chauve-souris frugivore nocturne.</t>
  </si>
  <si>
    <t>FR79390-HDTX</t>
  </si>
  <si>
    <t>12:20:00</t>
  </si>
  <si>
    <t>À cheval / L'Hôtel / Le Vélo</t>
  </si>
  <si>
    <t>Les enfants organisent un mariage à cheval ! Bluey, Bingo et leur papa jouent au jeu "Hôtel." Bluey ne parvient pas à rouler en vélo mais n'abandonne pas.</t>
  </si>
  <si>
    <t>FR79401-HDTX</t>
  </si>
  <si>
    <t>12:30:00</t>
  </si>
  <si>
    <t>Bob Bilby / Le Jeux d'Espion / La Livraison</t>
  </si>
  <si>
    <t>4</t>
  </si>
  <si>
    <t>C'est au tour de Bingo de s'occuper de Bob Bilby, l'animal de compagnie de Kindy. Bingo décide d'arrêter de jouer à un jeu et cela sème la zizanie. Quand on doit patienter, cinq minutes peuvent paraître une éternité.</t>
  </si>
  <si>
    <t>FR79412-HDTX</t>
  </si>
  <si>
    <t>Bluey S1 Ep 5</t>
  </si>
  <si>
    <t>FR79423-HDTX</t>
  </si>
  <si>
    <t>12:50:00</t>
  </si>
  <si>
    <t>Le Docteur / La Griffe / Le Marché</t>
  </si>
  <si>
    <t>La visite de Honey chez le Dr Bingo est sans arrêt interrompu. Maman et papa créent leur propre machine à griffe magique ! Bluey emmène avec elle l'argent que la petite souris lui a donné.</t>
  </si>
  <si>
    <t>FR79427-HDTX</t>
  </si>
  <si>
    <t>13:00:00</t>
  </si>
  <si>
    <t>13:30:00</t>
  </si>
  <si>
    <t>13:40:00</t>
  </si>
  <si>
    <t>14:00:00</t>
  </si>
  <si>
    <t>Les Espions</t>
  </si>
  <si>
    <t>13</t>
  </si>
  <si>
    <t>Quand Bingo cesse de jouer au jeu d'espions de Bluey, les stratagèmes pour contrôler les adultes ne fonctionnent plus ! Bluey comprend l'importance de Bingo et doit la convaincre de reprendre le jeu.</t>
  </si>
  <si>
    <t>FR79383-HDTX</t>
  </si>
  <si>
    <t>14:10:00</t>
  </si>
  <si>
    <t>Papillons</t>
  </si>
  <si>
    <t>15</t>
  </si>
  <si>
    <t>Le jeu des papillons est très amusant au jardin, mais Bluey part avec Judo, laissant Bingo toute seule. La pauvre Bingo est malheureuse et Bluey doit se racheter.</t>
  </si>
  <si>
    <t>FR79385-HDTX</t>
  </si>
  <si>
    <t>14:20:00</t>
  </si>
  <si>
    <t>Les Pirates / La Disparition / Les Voisins</t>
  </si>
  <si>
    <t>16</t>
  </si>
  <si>
    <t>Bluey et Bingo jouent aux pirates sur le hamac. Le jouet préféré de Bingo disparaît. Bluey ne sait pas comment gérer ses voisins bruyants.</t>
  </si>
  <si>
    <t>FR79386-HDTX</t>
  </si>
  <si>
    <t>14:30:00</t>
  </si>
  <si>
    <t>Calypso</t>
  </si>
  <si>
    <t>17</t>
  </si>
  <si>
    <t>À l'école, Bluey et ses amis organisent différents jeux. Calypso, leur maîtresse, veille au bon déroulement avec un mot sage, une chanson ... pour tous, sauf le mystérieux Pretzel.</t>
  </si>
  <si>
    <t>FR79387-HDTX</t>
  </si>
  <si>
    <t>14:40:00</t>
  </si>
  <si>
    <t>Le Médecin</t>
  </si>
  <si>
    <t>18</t>
  </si>
  <si>
    <t>Honey n'en finit plus d'attendre son tour chez le Docteur Bingo car d'autres patients présentant des symptômes plus intéressants passent avant elle. Bluey, la réceptionniste, l'invite à patienter, car les autres malades sont vraiment des cas !</t>
  </si>
  <si>
    <t>FR79388-HDTX</t>
  </si>
  <si>
    <t>14:50:00</t>
  </si>
  <si>
    <t>La Pince</t>
  </si>
  <si>
    <t>19</t>
  </si>
  <si>
    <t>Bluey et Bingo n'ayant pu attraper des lots de la machine à Pince Magique, Papa et Maman créent leur propre version à la maison. Mais avec Papa, il n'est pas facile de gagner !</t>
  </si>
  <si>
    <t>FR79389-HDTX</t>
  </si>
  <si>
    <t>15:00:00</t>
  </si>
  <si>
    <t>Les Nouveaux Voisins / L’Auberge à cauchemars</t>
  </si>
  <si>
    <t>Vampirina, qui vient d’emménager en Pennsylvanie avec ses parents, est impatiente de se faire des amis. / Les parents de Vampirina ouvrent une auberge à cauchemars, mais attribuent par erreur la même chambre, la même nuit, à des personnes différentes !</t>
  </si>
  <si>
    <t>FR34583-HDTX</t>
  </si>
  <si>
    <t>15:30:00</t>
  </si>
  <si>
    <t>Les alliances magiques / Le concours de sculpture</t>
  </si>
  <si>
    <t>26</t>
  </si>
  <si>
    <t>Le mariage des Frankenstein se tient chez les Hantley et Vampirina a le rôle le plus important : elle doit garder le coffret contenant les alliances magiques des futurs mariés. / Vampirina inscrit Gregoria à un concours de sculptures transylvanien et elle décide de prendre pour modèle la famille au complet. Malheureusement, au moment de poser, Vampirina fait une crise de cheveux-souris.</t>
  </si>
  <si>
    <t>2018</t>
  </si>
  <si>
    <t>FR64472-HDTX</t>
  </si>
  <si>
    <t>16:00:00</t>
  </si>
  <si>
    <t>T.O.T.S.</t>
  </si>
  <si>
    <t>Un chaton polisson/Une livraison de poids</t>
  </si>
  <si>
    <t>Lors de leur premier jour, Pipou et Freddy livrent un chaton qui les prend pour ses parents. Lorsqu'une baleine de près de deux tonnes et prête à être livrée, les livreurs s'affrontent dans une épreuve de vol afin de déterminer qui sera capable d'effectuer cette livraison.</t>
  </si>
  <si>
    <t>22min</t>
  </si>
  <si>
    <t>FR72084-HDTX</t>
  </si>
  <si>
    <t>16:30:00</t>
  </si>
  <si>
    <t>La course safari-photo / Ici, chaton, chaton, chaton !</t>
  </si>
  <si>
    <t>53</t>
  </si>
  <si>
    <t>Mickey et ses amis transforment leurs voitures en leurs animaux préférés pour une course safari-photo dans le parc. Lazlo, le chat du commandant Braque, s'enfuit et les Bénévoles viennent aider pour le retrouver.</t>
  </si>
  <si>
    <t>FR87786-HDTX</t>
  </si>
  <si>
    <t>17:00:00</t>
  </si>
  <si>
    <t>LE MONDE DE BINGO ET ROLLY</t>
  </si>
  <si>
    <t>Les chiots plongeurs / Les carlins promènent Bob</t>
  </si>
  <si>
    <t>Réalisateur: Trevor WallRéalisateur: Trevor Wall</t>
  </si>
  <si>
    <t>Bingo et Rolly partent en mission sous-marine pour retrouver une boîte perdue. / Bob voit flou à cause d'un examen des yeux, et les chiots doivent le ramener à la maison.</t>
  </si>
  <si>
    <t>FR36031-HDTX</t>
  </si>
  <si>
    <t>17:30:00</t>
  </si>
  <si>
    <t>PRINCESSE SOFIA : LA MALÉDICTION DE PRINCESSE EVA</t>
  </si>
  <si>
    <t>Réalisateur: Jamie Mitchell</t>
  </si>
  <si>
    <t>Ambre vole l'amulette de Sofia et se retrouve victime d'un mauvais sort. La méchante Eva apparait et menace Enchancia. Grâce à Raiponce, Ambre parvient à réparer son erreur.</t>
  </si>
  <si>
    <t>2014</t>
  </si>
  <si>
    <t>FR32787-HDTX</t>
  </si>
  <si>
    <t>18:30:00</t>
  </si>
  <si>
    <t>LA GARDE DU ROI LION</t>
  </si>
  <si>
    <t>Les dragons et la vague géante</t>
  </si>
  <si>
    <t>69</t>
  </si>
  <si>
    <t>La Garde du Roi Lion s'aventure sur une presqu'île pour trouver le rocher moja kwa moja, mais ils sont attaqués par des dragons de Komodo.</t>
  </si>
  <si>
    <t>FR80447-HDTX</t>
  </si>
  <si>
    <t>19:00:00</t>
  </si>
  <si>
    <t>PRINCESSE SOFIA</t>
  </si>
  <si>
    <t>Ambroise et son maître</t>
  </si>
  <si>
    <t>82</t>
  </si>
  <si>
    <t>Réalisateur: Jamie MitchellRéalisateur: Jamie Mitchell</t>
  </si>
  <si>
    <t>Sofia s'aperçoit que son amulette a changé ; elle demande l'aide de Cédric pour comprendre ce qu'il se passe.</t>
  </si>
  <si>
    <t>2015</t>
  </si>
  <si>
    <t>FR30975-HDTX</t>
  </si>
  <si>
    <t>19:30:00</t>
  </si>
  <si>
    <t>ROCKETEER</t>
  </si>
  <si>
    <t>Virée à la fête foraine / Le Songbird reprend vie !</t>
  </si>
  <si>
    <t>L'Eternel Orsino arrive en ville avec la fête foraine et tente de voler le rocket-pack de Kit. Kit devient amie avec une ancienne pilote et lui donne le courage de revoler !</t>
  </si>
  <si>
    <t>FR79564-HDTX</t>
  </si>
  <si>
    <t>20:00:00</t>
  </si>
  <si>
    <t>PYJAMASQUES</t>
  </si>
  <si>
    <t>Bibou et le train Supertonique / Yoyo et les nuages</t>
  </si>
  <si>
    <t>Réalisateur: Christian De Vita, Réalisateur: Merle-Anne RidleyRéalisateur: Merle-Anne Ridley</t>
  </si>
  <si>
    <t>Computer-Animation</t>
  </si>
  <si>
    <t>FR30353-HDTX</t>
  </si>
  <si>
    <t>20:30:00</t>
  </si>
  <si>
    <t>Des apprentis mécanos passionnés / Des invités très spéciaux à l'Hôtel du Roupillon !</t>
  </si>
  <si>
    <t>61</t>
  </si>
  <si>
    <t>Pour la journée des Mini-Mécanos, le plus grand fan de Mickey est impatient d'entrer dans l'atelier ! / Les Bénévoles sont très occupées à prendre soin des animaux de compagnie en l'absence de leurs maîtres.</t>
  </si>
  <si>
    <t>FR83767-HDTX</t>
  </si>
  <si>
    <t>21:00:00</t>
  </si>
  <si>
    <t>Le grand défi des chiens / New-York, New-York!</t>
  </si>
  <si>
    <t>46</t>
  </si>
  <si>
    <t>Réalisateur: Bill Breneisen, Réalisateur: Stephanie Arnett</t>
  </si>
  <si>
    <t>Bob s’inscrit pour participer à un jeu télévisé avec Bingo et Rolly. Lorsque le voyage de Bob à New York est annulé, les chiots décident d’y aller pour lui ramener un souvenir.</t>
  </si>
  <si>
    <t>FR61676-HDTX</t>
  </si>
  <si>
    <t>21:30:00</t>
  </si>
  <si>
    <t>GIGANTOSAURUS</t>
  </si>
  <si>
    <t>Mazu tente sa chance / L'oeuf perdu</t>
  </si>
  <si>
    <t>Réalisateur: Olivier LelardouxRéalisateur: Olivier Lelardoux</t>
  </si>
  <si>
    <t>Afin de sauver une libellule des mains des raptors, Mazu doit leur apporter une écaille de Gigantosaurus. Elle trouve plein de stratagèmes ingénieux pour prendre une écaille sur le dos de la bête, mais toutes ses tentatives échouent, et causent plus de catastrophes qu’autre chose. / Rocky trouve un œuf perdu. Aucun intérêt pour lui, mais ses amis veulent retrouver ses parents. Bon, Rocky prend les choses en main ; plus vite cet œuf aura retrouvé sa famille, plus vite ils pourront retourner jouer. Mais attention, lui c’est un dur de dur, les petits œufs, c’est pas pour lui .</t>
  </si>
  <si>
    <t>21min</t>
  </si>
  <si>
    <t>FR65938-HDTX</t>
  </si>
  <si>
    <t>22:00:00</t>
  </si>
  <si>
    <t>Il faut sauver Ayati / La crevasse</t>
  </si>
  <si>
    <t>Mazu demande à Ayati, la vieille brachiosaure, de se tenir en équilibre sur deux pattes et de courber sa tête et sa queue. Ça fait un grand huit, et les enfants s’éclatent dessus ! Mais Ayati se casse la figure et ne peut plus se relever... / C’est l’heure du bain dans les geysers, mais Bill a peur de tout. Il n’a qu’une envie : rentrer ! Quand un tremblement de pierre se déclenche, il ne se fait pas prier, et il embarque ses amis pour rentrer vite chez eux. Manque de pot, la terre s’est ouverte et une crevasse est apparue sur le chemin du retour .</t>
  </si>
  <si>
    <t>FR72444-HDTX</t>
  </si>
  <si>
    <t>22:30:00</t>
  </si>
  <si>
    <t>L'île / Cave ou pas cave ?</t>
  </si>
  <si>
    <t>Bill a peur de plein de choses, mais pas de l’eau ; il sait très bien nager. Quand les enfants passent la nuit au bord du lac, et que son nénuphar glisse sur l’eau pour se retrouver au beau milieu, il ne panique pas. Rocky oui, par contre ! Eh oui, le dur de dur a la trouille de l’eau et ne sait pas nager. C’est donc au tour de Bill de rassurer et protéger son copain. / Ignatius raconte que dans la Grotte qui Hurle vit le « hurlosaure », un terrible dino gigantesque au rugissement épouvantable. La grotte n’est pas un endroit pour les petits dinos !</t>
  </si>
  <si>
    <t>FR65957-HDTX</t>
  </si>
  <si>
    <t>23:00:00</t>
  </si>
  <si>
    <t>L'épreuve du Tricératops ! / Tremblement de pierres</t>
  </si>
  <si>
    <t>Troy annonce à Tiny, sa petite sœur, qu’elle va passer l’Epreuve du Tricératops : prouver qu’elle est capable de déraciner et lancer un arbre, de déstabiliser un autre tricératops avec ses cornes, et de marteler le sol si fort qu’elle en fait trembler la jungle. Tiny est pleine de bonne volonté, mais elle ne peut pas s’empêcher de tout faire à sa sauce. / Quand Rocky se blesse en tentant de battre un record, il refuse l’aide de ses amis. Quand un tremblement de pierre se déclenche, il se précipite vers sa source pour y mettre fin, au mépris de son pied endolori.</t>
  </si>
  <si>
    <t>FR65958-HDTX</t>
  </si>
  <si>
    <t>23:30:00</t>
  </si>
  <si>
    <t>Yoyo et le bataillon des papillons / Bibou, la championne</t>
  </si>
  <si>
    <t>Accusant ses papillons de nuit de l'avoir fait perdre, Sorceline vole des papillons pour en faire son bataillon. Sorceline et Bibou s'affrontent pour remporter le prix du meilleur et plus grand jouet.</t>
  </si>
  <si>
    <t>FR30358-HDTX</t>
  </si>
  <si>
    <t>LES NUITS DE Disney Junior France</t>
  </si>
  <si>
    <t>03/01/2021</t>
  </si>
  <si>
    <t>dimanche</t>
  </si>
  <si>
    <t>Mickey va sur Mars</t>
  </si>
  <si>
    <t>Mickey et ses amis partent sur Mars.</t>
  </si>
  <si>
    <t>FR30679-HDTX</t>
  </si>
  <si>
    <t>Le grand spectacle de Clarabelle</t>
  </si>
  <si>
    <t>60</t>
  </si>
  <si>
    <t>Réalisateur: Rob LaDuca, Réalisateur: Sherie Pollack, Réalisateur: Vic Cook, Réalisateur: Donovan Cook, Interprète: They Might Be GiantsRéalisateur: Vic Cook, Réalisateur: Donovan Cook, Réalisateur: Rob LaDuca, Réalisateur: Sherie Pollack, Interprète: They Might Be Giants</t>
  </si>
  <si>
    <t>Clarabelle organise un spectacle musical.</t>
  </si>
  <si>
    <t>FR30678-HDTX</t>
  </si>
  <si>
    <t>Plats à emporter</t>
  </si>
  <si>
    <t>14</t>
  </si>
  <si>
    <t>Obligées d'attendre leur commande à emporter cinq minutes devant un restaurant, Bluey et Bingo font exprès de s’agiter, poussant à bout la patience de Papa.</t>
  </si>
  <si>
    <t>FR79384-HDTX</t>
  </si>
  <si>
    <t>Minnie mène l'enquête</t>
  </si>
  <si>
    <t>34</t>
  </si>
  <si>
    <t>Quelqu'un a mangé les gâteaux de Minnie !</t>
  </si>
  <si>
    <t>FR30650-HDTX</t>
  </si>
  <si>
    <t>Un mariage à l'indienne ! / Les Bénévoles à Bollywood !</t>
  </si>
  <si>
    <t>Tous nos amis sont à New Delhi pour un mariage et Mickey et Minnie se voient confier deux objets importants pour la cérémonie. Les Bénévoles aident un ami qui possède une société de tuk-tuks.</t>
  </si>
  <si>
    <t>FR82281-HDTX</t>
  </si>
  <si>
    <t>Une journée méli-mélo ! / La princesse Clarabelle !</t>
  </si>
  <si>
    <t>58</t>
  </si>
  <si>
    <t>Le gagnant d'un concours gagne une journée méli-mélo ! Clarabelle trouve un sceptre et tous les habitants de Royalandia pense qu'elle est leur nouvelle princesse.</t>
  </si>
  <si>
    <t>FR82276-HDTX</t>
  </si>
  <si>
    <t>Un Os dans la Soupe / Les Louvettes de Pennsylvanie</t>
  </si>
  <si>
    <t>Réalisateur: Jonmark Marten, Réalisateur: Ehud Landsberg</t>
  </si>
  <si>
    <t>Un gourmet vient à l’auberge. Tout le monde se donne du mal pour lui préparer un repas d’humain. Vampirina essaie de gagner son premier badge de Louvette.</t>
  </si>
  <si>
    <t>FR34589-HDTX</t>
  </si>
  <si>
    <t>Le grand nettoyage / Le concours canin</t>
  </si>
  <si>
    <t>Les Hantley décident de se débarrasser de vieilleries dont ils n'ont plus l'utilité. / Edna est juge d'un concours canin et Vampirina décide de s'inscrire avec Pilou.</t>
  </si>
  <si>
    <t>FR34590-HDTX</t>
  </si>
  <si>
    <t>LES MUPPET BABIES</t>
  </si>
  <si>
    <t>Messire Kermit Le Courageux/Animal conduit avion</t>
  </si>
  <si>
    <t>Réalisateur: Guy MooreRéalisateur: Guy Moore</t>
  </si>
  <si>
    <t>Les Muppet Babies pensent que Nounou a été capturée par un dragon, ils décident de partir à son secours./ Pendant un vol imaginaire vers Paris, personne ne laisse Animal piloter l'avion.</t>
  </si>
  <si>
    <t>FR48212-HDTX</t>
  </si>
  <si>
    <t>Super Fabuleuse contre Capitaine Glaçon/La machine temporelle de Piggy</t>
  </si>
  <si>
    <t>Quand Piggy décide de devenir une super-héroïne, elle doit apprendre à partager sa célébrité avec Summer. / Piggy entraîne ses amis dans un voyage à travers le temps.</t>
  </si>
  <si>
    <t>FR63616-HDTX</t>
  </si>
  <si>
    <t>Le Grand Sport-athon des Muppets/Tu dis Pomme de terre, je dis Meilleure amie</t>
  </si>
  <si>
    <t>Toute la bande organise une compétition sportive mais Piggy perd sans arrêt. Les Muppet Babies s'étonnent que Gonzo ait une pomme de terre pour meilleure amie.</t>
  </si>
  <si>
    <t>FR48225-HDTX</t>
  </si>
  <si>
    <t>Chapeaustrophe / Voler vers le sud</t>
  </si>
  <si>
    <t>En jouant avec la casquette de Fozzie, Kermit la perd accidentellement / Après avoir appris que les oiseaux s'envolaient vers le Sud en hiver, Gonzo fait tout pour empêcher ses amies à plumes de partir.</t>
  </si>
  <si>
    <t>FR48226-HDTX</t>
  </si>
  <si>
    <t>Comment Kermit a trouvé son style / Un petit problème</t>
  </si>
  <si>
    <t>Pour gagner le droit d'habiter dans la salle de jeux, Rizzo le Rat propose une compétition de danse à Kermit qui ne sait pas danser ! Summer se trouve vraiment trop petite. Beaker et Walbec Bunsen vont essayer de l'aider avec leur rayon agrandisseur.</t>
  </si>
  <si>
    <t>FR48227-HDTX</t>
  </si>
  <si>
    <t>Pirates du bac à sable / Le Fort Couverture</t>
  </si>
  <si>
    <t>Quand Nounou perd sa boucle d'oreille, les Muppet Pirates hissent les voiles pour tenter de la retrouver. Summer et Piggy construisent le Fort Couverture, mais la Reine Piggy impose trop de règles.</t>
  </si>
  <si>
    <t>FR48228-HDTX</t>
  </si>
  <si>
    <t>Soirée Pyjama / Premier jour d'école</t>
  </si>
  <si>
    <t>Vampirina invite ses nouvelles amies humaines à venir faire une soirée pyjama chez elle. Elle dissimule tous les objets qui pourraient paraître effrayants pour des humains. / C'est la rentrée pour Vampirina et elle fait une crise de chauve-sourite au moment de la photo de classe.</t>
  </si>
  <si>
    <t>FR34584-HDTX</t>
  </si>
  <si>
    <t>Votez Vampirina / Où est passé Pilou ?</t>
  </si>
  <si>
    <t>27</t>
  </si>
  <si>
    <t>Vampirina est candidate pour être déléguée de classe. / Poppy, qui veut un lapin, doit s’occuper de Pilou pour prouver à sa mère qu’elle est capable de prendre soin d’un animal.</t>
  </si>
  <si>
    <t>FR64473-HDTX</t>
  </si>
  <si>
    <t>Un adorable panda/ Une odeur problématique</t>
  </si>
  <si>
    <t>Pipou et Freddy doivent livrer un bébé panda tellement mignon qu'il est très difficile pour eux de lui dire "au revoir". La situation se complique pour nos livreurs débutants quand ils doivent livrer un bébé moufette qui ne sent pas très bon.</t>
  </si>
  <si>
    <t>FR72095-HDTX</t>
  </si>
  <si>
    <t>Mickey Mouse Mixed-Up Adventures</t>
  </si>
  <si>
    <t>54</t>
  </si>
  <si>
    <t>FR86125-HDTX</t>
  </si>
  <si>
    <t>Le chaton perdu / Vacances en Floride</t>
  </si>
  <si>
    <t>Bob recueille un chaton perdu et Bingo et Rolly essaient de retrouver sa maison. / En vacances en Floride, les chiots cherchent un vieil ami de Bob.</t>
  </si>
  <si>
    <t>FR36032-HDTX</t>
  </si>
  <si>
    <t>Amis pour la vie</t>
  </si>
  <si>
    <t>68</t>
  </si>
  <si>
    <t>Alors qu’il se rapproche de l’Arbre de Vie, la cicatrice de Kion le dérange de plus en plus. Bunga croit que ce comportement, qui ne ressemble pas à Kion, prouve que le venin qui est en lui le fait devenir méchant.</t>
  </si>
  <si>
    <t>FR63869-HDTX</t>
  </si>
  <si>
    <t>Modernité et tradition</t>
  </si>
  <si>
    <t>81</t>
  </si>
  <si>
    <t>Sofia est invitée au royaume de Wei ling où son amie Jun doit inaugurer le festival des cerfs-volants.</t>
  </si>
  <si>
    <t>FR30974-HDTX</t>
  </si>
  <si>
    <t>La course de la Grande Pente / La classe des héros</t>
  </si>
  <si>
    <t>Kit et Tesh prévoient de participer au Derby de la Grande Pente de Hughesville, mais un jeune inventeur a un plan diabolique pour gagner ! La classe de Kit fait un voyage à bord d’un avion automatique sans pilote.</t>
  </si>
  <si>
    <t>FR79569-HDTX</t>
  </si>
  <si>
    <t>Bibou et l'Attaque Eclair / Yoyo et le Bulldo-Sauteur</t>
  </si>
  <si>
    <t>Roméo efface tous les textes des livres. Bibou demande de l'aide à Zoé Zap. Roméo utilise des gants de boxe pour s'introduire au musée pour voler un propulseur.</t>
  </si>
  <si>
    <t>FR30354-HDTX</t>
  </si>
  <si>
    <t>Le festival de l'adoption / La légende du capitaine Wunderpatte</t>
  </si>
  <si>
    <t>47</t>
  </si>
  <si>
    <t>Réalisateur: Stephanie Arnett, Réalisateur: Scott Bern</t>
  </si>
  <si>
    <t>Lorsqu’un des chiots se perd à une foire à l’adoption, les chiots, Keia et leur nouvel ami partent à sa recherche. Bingo, Rolly et Keia partent à la recherche du navire du capitaine Wunderwaf.</t>
  </si>
  <si>
    <t>FR61677-HDTX</t>
  </si>
  <si>
    <t>Air Archie / L'imitateur</t>
  </si>
  <si>
    <t>Archie l’archéoptéryx ne sait pas voler. Il aimerait tant ! Il demande à Mazu de l’aider et elle accepte. Bricolages à base d’ailes en nénuphars géants, musculation… Archie passe par toutes les possibilités pour améliorer ses ailes et son vol. Rien n’y fait ! / Rocky est le fan n°1 de Giganto. Il l’observe pour essayer d’être comme lui. Mais quand Marshall, le jeune stégosaure, se met à suivre Rocky partout pour faire comme lui, ça énerve Rocky. Il ne se rend pas compte que Marshall l’admire, comme Rocky admire Giganto !</t>
  </si>
  <si>
    <t>FR65959-HDTX</t>
  </si>
  <si>
    <t>Le plus grand des héros / Un éclair de génie</t>
  </si>
  <si>
    <t>Rocky est jaloux : Tiny a sauvé leur repaire d’un gros rocher roulant, et maintenant c’est l’héroïne de la jungle ! Il n’arrive pas à trouver quelqu’un dont être le héros, quelqu’un qui lui confierait une noble tâche ou juste une petite tâche à effectuer pour aider. / Le jour des grands vents, Mazu arrive toujours la dernière pour déguster les noix qui tombent des noyers géants. Par contre, elle en a dans le crâne, et elle travaille sur plusieurs systèmes pour aller plus vite : échasses, ressorts, coaching de ses amis. Mais rien n’y fait. Elle va encore être la dernière,</t>
  </si>
  <si>
    <t>FR65960-HDTX</t>
  </si>
  <si>
    <t>Interdiction de cueillir les fleurs / Sans blague !</t>
  </si>
  <si>
    <t>Bill goûte à une fleur du marais : c’est siiiiiiii bon ! Mazu le met en garde : il ne faut pas en manger plus, car sinon cela dérangerait l’écosystème. Mais Bill n’écoute pas. Il y a plein de fleurs !! En prendre un peu plus (et un peu plus, et un peu plus) ne devrait pas être un problème… si ? / Tiny se sent un peu négligée par ses amis qui n’écoutent plus ses blagues. Dilo par contre, est toujours prêt à rire de tout. Avec lui, Tiny décide de se rendre au sommet du Mont de l’Oubli pour y raconter la meilleure blague du monde à tout Crétacia !</t>
  </si>
  <si>
    <t>FR65961-HDTX</t>
  </si>
  <si>
    <t>La tête dans les étoiles / Le triomphe de Tiny</t>
  </si>
  <si>
    <t>Mazu veut cartographier le ciel de nuit, et entraîne ses amis dans le canyon pour l’aider. Mais tout doit être fait comme elle le veut, et elle n’écoute pas ses copains qui veulent jouer ou sont fatigués. / Tiny veut jouer à « faire une exposition d’art », mais ses copains ne sont pas très réceptifs. Quand le volcan entre en éruption, les enfants n’ont pas d’autre choix que de se réfugier très loin, dans l’oasis. Et pour rentrer à la maison, ça va pas être coton...</t>
  </si>
  <si>
    <t>FR65962-HDTX</t>
  </si>
  <si>
    <t>Exprime-toi, Gluglu ! / Yoyo et l'épée de Maître Fang</t>
  </si>
  <si>
    <t>Roméo aspire la voix de Gluglu, mais ce dernier n'est pas sûr de vouloir la récupérer avant la récitation de poésie. Ninjaka a volé l'épée de Maître Fang !</t>
  </si>
  <si>
    <t>FR30359-HDTX</t>
  </si>
  <si>
    <t>04/01/2021</t>
  </si>
  <si>
    <t>lundi</t>
  </si>
  <si>
    <t>Pluto, chien des neiges</t>
  </si>
  <si>
    <t>59</t>
  </si>
  <si>
    <t>Réalisateur: Vic Cook, Réalisateur: Donovan Cook, Réalisateur: Sherie Pollack, Réalisateur: Rob LaDuca, Interprète: They Might Be GiantsRéalisateur: Vic Cook, Réalisateur: Donovan Cook, Réalisateur: Rob LaDuca, Réalisateur: Sherie Pollack, Interprète: They Might Be Giants</t>
  </si>
  <si>
    <t>Donald et Dingo ont fait un bonhomme de neige.</t>
  </si>
  <si>
    <t>FR30677-HDTX</t>
  </si>
  <si>
    <t>Coco le singe de Dingo</t>
  </si>
  <si>
    <t>Le singe de Dingo veut organiser une fête de la noix de coco.</t>
  </si>
  <si>
    <t>FR30676-HDTX</t>
  </si>
  <si>
    <t>Bluey S1 Ep 20</t>
  </si>
  <si>
    <t>20</t>
  </si>
  <si>
    <t>FR79391-HDTX</t>
  </si>
  <si>
    <t>Les Montagnes bleues</t>
  </si>
  <si>
    <t>21</t>
  </si>
  <si>
    <t>Bluey, Bingo, Maman and Papa jouent aux marionnettes, explorant la terre au-delà des Montagnes bleues où ils déjouent le Renard effronté pour trouver les lits les plus doux du monde.</t>
  </si>
  <si>
    <t>FR79392-HDTX</t>
  </si>
  <si>
    <t>La Piscine</t>
  </si>
  <si>
    <t>22</t>
  </si>
  <si>
    <t>En préparant leurs affaires pour aller à la psicine, Bluey et Papa se moquent de Maman car ils la trouvent excessive dans son organisation. Mais en arrivant à la piscine, ils réalisent qu'elle avait raison, puisqu'ils ont oublié beaucoup d'objets importants.</t>
  </si>
  <si>
    <t>FR83647-HDTX</t>
  </si>
  <si>
    <t>Le magasin</t>
  </si>
  <si>
    <t>23</t>
  </si>
  <si>
    <t>La marchande est le jeu favori de Bluey et ses amis, quand ils peuvent commencer ! Avec Bluey qui remet en question les règles et change les rôles, ça pourrait durer toute la journée !</t>
  </si>
  <si>
    <t>FR79394-HDTX</t>
  </si>
  <si>
    <t>Le Chariot</t>
  </si>
  <si>
    <t>24</t>
  </si>
  <si>
    <t>Papa emmène Bluey et Bingo au parc dans un petit chariot. Bluey est pressée d'aller faire le parcours des anneaux et s'énerve car Papa s'arrête en chemin pour bavarder avec les voisins.</t>
  </si>
  <si>
    <t>FR79395-HDTX</t>
  </si>
  <si>
    <t>La fanfare de Mickey</t>
  </si>
  <si>
    <t>33</t>
  </si>
  <si>
    <t>Réalisateur: Rob LaDuca, Réalisateur: Vic Cook, Réalisateur: Donovan Cook, Réalisateur: Sherie Pollack, Interprète: They Might Be GiantsRéalisateur: Vic Cook, Réalisateur: Donovan Cook, Réalisateur: Rob LaDuca, Réalisateur: Sherie Pollack, Interprète: They Might Be Giants</t>
  </si>
  <si>
    <t>Mickey et ses amis vont jouer de la musique.</t>
  </si>
  <si>
    <t>FR80556-HDTX</t>
  </si>
  <si>
    <t>64</t>
  </si>
  <si>
    <t>Nos amis ont du mal à se déconnecter de leurs appareils alors qu'il font du camping. Pour commémorer les 100 ans de Hotdogville, Minnie, Daisy et Coucou-Loulou aident Clarabelle à monter une pièce.</t>
  </si>
  <si>
    <t>FR82282-HDTX</t>
  </si>
  <si>
    <t>41</t>
  </si>
  <si>
    <t>Les Monstrueuses / Soirée jeux</t>
  </si>
  <si>
    <t>Réalisateur: Ehud Landsberg</t>
  </si>
  <si>
    <t>Les Harpies, idoles de Vampirina, viennent à l’auberge. Vampirina invite ses amies à une soirée jeux.</t>
  </si>
  <si>
    <t>FR34591-HDTX</t>
  </si>
  <si>
    <t>Mamie Goule en Pennsylvanie/Deux têtes valent mieux qu'une</t>
  </si>
  <si>
    <t>Réalisateur: Marten Jönmark, Réalisateur: Ehud Landsberg</t>
  </si>
  <si>
    <t>La grand-mère de Vampirina, restée en Transylvanie, vient rendre visite à la famille Hantley dans leur nouvelle demeure en Pennsylvanie.L'auberge à cauchemars accueille un monstre à deux tête au moment où le festival des Amis se prépare.</t>
  </si>
  <si>
    <t>FR34592-HDTX</t>
  </si>
  <si>
    <t>Cache-Cache-Cri/L'Apprentie Sorcière</t>
  </si>
  <si>
    <t>Pendant une partie de cache-cache-cri, Bridget disparait. De célèbres sorciers viennent à l'auberge et Vampirina aide leur fille à apprendre à se transformer en chat.</t>
  </si>
  <si>
    <t>FR56764-HDTX</t>
  </si>
  <si>
    <t>11:30:00</t>
  </si>
  <si>
    <t>Week-end monstrueux/L'oiseau qui en savait trop</t>
  </si>
  <si>
    <t>Vampirina devient humaine et Poppy devient un vampire sous la garde de Demi et de Gregoria. / Kiwi le perroquet répète des mots étranges à Edgar après être allé chez les Hantley.</t>
  </si>
  <si>
    <t>FR34594-HDTX</t>
  </si>
  <si>
    <t>Gluglu et les Papi-Ninjas / Bibou et la chasse au trésor</t>
  </si>
  <si>
    <t>31</t>
  </si>
  <si>
    <t>Réalisateur: Christian De VitaRéalisateur: Christian De Vita</t>
  </si>
  <si>
    <t>Gluglu apprend à ravaler sa fierté pour arrêter une nouvelle équipe de méchants ! Ninjaka manipule Bibou et lui fait chercher des ingrédients pour sa nouvelle affreuse invention.</t>
  </si>
  <si>
    <t>FR43073-HDTX</t>
  </si>
  <si>
    <t>Yoyo et la boule de flipper/Yoyo et le Rebondisseur</t>
  </si>
  <si>
    <t>32</t>
  </si>
  <si>
    <t>L'équipe déjoue le plan de Romeo de jouer une partie de flipper dans la ville avec des boules de démolition. Yoyo veut prouver son talent en arrêtant Ninjaka tout seul.</t>
  </si>
  <si>
    <t>FR43074-HDTX</t>
  </si>
  <si>
    <t>Gluglu et l'esprit du carnaval / Bibou et son double</t>
  </si>
  <si>
    <t>Lorsque Ninjaka et Roméo transforment des flotteurs volés en robots, Gluglu essaie de sauver son préféré. Roméo se transforme en Bibou pour se débarrasser de ses concurrents.</t>
  </si>
  <si>
    <t>FR43076-HDTX</t>
  </si>
  <si>
    <t>Le Pyja-Robot / Les Pyjamasques et le Super Cristal</t>
  </si>
  <si>
    <t>Gluglu devient ami avec un mini-robot que Roméo utilise pour infiltrer le QG. PJ Robot trouve dans une partie du QG un moyen de fournir aux Pyjamasques de nouveaux pouvoirs.</t>
  </si>
  <si>
    <t>FR43075-HDTX</t>
  </si>
  <si>
    <t>Taxi</t>
  </si>
  <si>
    <t>25</t>
  </si>
  <si>
    <t>Il pleut et Bluey joue au taxi à l'intérieur. Son premier client (Papa) est un homme d'affaires pressé qui veut aller à l'aéroport sans tarder. Bingo lui promet d'y arriver sans retard mais prend en charge un second passager, une dame fortunée (Bingo) et sa fille Millicent (Floppy). Pendant que SATVAV (Maman) les balade de rond-point en rond-point Millicent vomit partout et le taxi tombe en panne. Papa décide de se rendre à pied à l'aéroport. Il arrive juste à temps pour embarquer et découvre que la dame du taxi est aussi passagère et que le pilote n'est autre que Bluey !</t>
  </si>
  <si>
    <t>FR79396-HDTX</t>
  </si>
  <si>
    <t>La Plage</t>
  </si>
  <si>
    <t>A la plage, Maman part se promener au bord de l'eau, et Bluey tente de la rattraper. En chemin, elle fait toute une série de rencontres qui la stimulent et la mettent à l'épreuve dans cette toute première aventure en solitaire.</t>
  </si>
  <si>
    <t>FR79397-HDTX</t>
  </si>
  <si>
    <t>Les Pirates</t>
  </si>
  <si>
    <t>Bluey, Bingo et Missy jouent aux pirates dans le hamac, c’est l’aventure en haute mer. Mais il leur faudra du courage pour braver tempêtes et attaques de baleines.</t>
  </si>
  <si>
    <t>FR79398-HDTX</t>
  </si>
  <si>
    <t>Les Grands-mères</t>
  </si>
  <si>
    <t>28</t>
  </si>
  <si>
    <t>Bingo et Bluey s'amusent beaucoup à jouer aux grands-mères jusqu'à ce que la question de savoir si ces dernières peuvent danser le Swing les oppose. Elles appellent Nana pour avoir la réponse.</t>
  </si>
  <si>
    <t>FR79399-HDTX</t>
  </si>
  <si>
    <t>Bluey S1 Ep 29</t>
  </si>
  <si>
    <t>29</t>
  </si>
  <si>
    <t>FR79400-HDTX</t>
  </si>
  <si>
    <t>15:10:00</t>
  </si>
  <si>
    <t>15:20:00</t>
  </si>
  <si>
    <t>Bluey S1 Ep 30</t>
  </si>
  <si>
    <t>30</t>
  </si>
  <si>
    <t>FR79402-HDTX</t>
  </si>
  <si>
    <t>Le Travail</t>
  </si>
  <si>
    <t>Bluey et Bingo jouent au "travail" et se font embaucher dans la fabrique de tuyaux de leur père. Mais quand Bluey prend la direction, Papa trouve son nouveau patron très sévère en lui interdisant de danser.</t>
  </si>
  <si>
    <t>FR79403-HDTX</t>
  </si>
  <si>
    <t>15:40:00</t>
  </si>
  <si>
    <t>Bumpy et le vieux lévrier sage</t>
  </si>
  <si>
    <t>Bluey et Papa envoient une vidéo maison à Bingo, malade à l'hôpital, pour lui remonter le moral. C’est l'histoire de la quête de Barnicus pour guérir Bumpy, son chien tacheté.</t>
  </si>
  <si>
    <t>FR80207-HDTX</t>
  </si>
  <si>
    <t>15:50:00</t>
  </si>
  <si>
    <t>Le Trampoline</t>
  </si>
  <si>
    <t>Papa est un champion du trampoline mais quand il doit aller travailler, Bluey et Bingo veulent qu'il continue à jouer avec elles et refusent de le laisser partir. Elle l'obligent à se restaurer et inventent un jeu "petit-déjeuner". Il doit manger des toasts, des œufs et doit aussi avaler un horrible smoothie. Mais, les meilleures choses ont une fin et Papa, avant de partir, confie le soin à une Bluey au bord des larmes d'inventer ses propres jeux.</t>
  </si>
  <si>
    <t>FR79405-HDTX</t>
  </si>
  <si>
    <t>La Déchetterie</t>
  </si>
  <si>
    <t>En route pour la déchetterie, Papa déclare qu'il est meilleur en tout. Quand Bluey découvre qu'il s'apprête à jeter ses vieux dessins, elle se demande s'il est bien le meilleur Papa au monde.</t>
  </si>
  <si>
    <t>FR79406-HDTX</t>
  </si>
  <si>
    <t>16:10:00</t>
  </si>
  <si>
    <t>Le Zoo</t>
  </si>
  <si>
    <t>Le jardin zoologique de Bluey est le foyer d'animaux merveilleux dont le grand Papa Gorille bleu. Mais le singe s'empare de Bingo qui s'était aventurée dans son enclos et Bluey doit capturer cet animal sauvage.</t>
  </si>
  <si>
    <t>FR79407-HDTX</t>
  </si>
  <si>
    <t>16:20:00</t>
  </si>
  <si>
    <t>Voyages en Sacs à Dos</t>
  </si>
  <si>
    <t>36</t>
  </si>
  <si>
    <t>Maman et Papa partent à l'aventure avec pour sacs à dos leurs coquines de filles! Entre les visites et l'achat de nourriture dans la rue, l'aventure est une franche réussite, jusqu'à ce qu'ils perdent leurs passeports !</t>
  </si>
  <si>
    <t>FR79408-HDTX</t>
  </si>
  <si>
    <t>55</t>
  </si>
  <si>
    <t>FR82273-HDTX</t>
  </si>
  <si>
    <t>Les castors à la rescousse / Compter les moutons</t>
  </si>
  <si>
    <t>Bingo et Rolly essaient de construire un barrage pour que leur niche ne soit pas inondée. / Quand Bob dit qu'il doit "compter les moutons" pour dormir, les chiots décident de l'aider en allant lui chercher un troupeau de moutons.</t>
  </si>
  <si>
    <t>FR36033-HDTX</t>
  </si>
  <si>
    <t>Le Conseil des Terreurs / La Baie Hantée</t>
  </si>
  <si>
    <t>43</t>
  </si>
  <si>
    <t>Vampirina apporte quelques touches transylvaniennes au parc de Boris. / Un couple de fantômes fait une halte à l’auberge avant de partir pour la Baie Hantée.</t>
  </si>
  <si>
    <t>FR64489-HDTX</t>
  </si>
  <si>
    <t>18:00:00</t>
  </si>
  <si>
    <t>Bibou et la mauvaise graine / Gluglu l'escargot</t>
  </si>
  <si>
    <t>Réalisateur: Merle-Anne RidleyRéalisateur: Merle-Anne Ridley</t>
  </si>
  <si>
    <t>Sorceline se sert de son rayon lunaire pour créer une fleur de lune géante ! Gluglu va devoir apprendre à ne pas se laisser distraire pour pouvoir arrêter Roméo !</t>
  </si>
  <si>
    <t>FR30375-HDTX</t>
  </si>
  <si>
    <t>Les voleurs de tulizas</t>
  </si>
  <si>
    <t>67</t>
  </si>
  <si>
    <t>La Garde du Roi Lion craint de ne pas pouvoir retrouver l'Arbre de Vie, car la sournoise Mama Binturong a volé le bâton Bakora de Makini.</t>
  </si>
  <si>
    <t>FR63868-HDTX</t>
  </si>
  <si>
    <t>Le Chaudronnement</t>
  </si>
  <si>
    <t>80</t>
  </si>
  <si>
    <t>Invitée à la cérémonie de chaudronnement de Lucinda, Sofia doit veiller à ce que deux sorcières rivales ne gâchent pas la fête.</t>
  </si>
  <si>
    <t>FR30973-HDTX</t>
  </si>
  <si>
    <t>Valérie, la Walkyrie / A la poursuite du Bouledogue !</t>
  </si>
  <si>
    <t>Valérie s'auto-proclame super-héroïne et devient : Valkyrie ! Le Chef Toquenfonte essaye encore de voler le livre de recettes de famille du Bulldog Café.</t>
  </si>
  <si>
    <t>FR79568-HDTX</t>
  </si>
  <si>
    <t>20:10:00</t>
  </si>
  <si>
    <t>20:20:00</t>
  </si>
  <si>
    <t>L'œuf mystère / Le petit Club Nature</t>
  </si>
  <si>
    <t>48</t>
  </si>
  <si>
    <t>Réalisateur: Bill Breneisen, Réalisateur: Scott Bern</t>
  </si>
  <si>
    <t>En Nouvelle-Zélande, les chiots tentent de rapporter un gros œuf à ses parents avant son éclosion. / Les chiots s'embarquent dans une aventure sauvage pour rapporter une pagaie à Chloé et Keia.</t>
  </si>
  <si>
    <t>FR61678-HDTX</t>
  </si>
  <si>
    <t>La vie est une chanson / Une inspection cauchemardesque</t>
  </si>
  <si>
    <t>49</t>
  </si>
  <si>
    <t>Vampirina prononce une formule censée l'aider à écrire une chanson mais c'est toute la ville qui se met à chanter. Avant que les Hauntley aient le temps de cauchemardiser leur auberge à cauchemars, ils reçoivent la visite d'un inspecteur.</t>
  </si>
  <si>
    <t>FR80383-HDTX</t>
  </si>
  <si>
    <t>Bibou et les figurines de Roméo / Les Pyjamasques et le dragon</t>
  </si>
  <si>
    <t>Roméo transforme la figurine de Bibou en un dispositif qui transforme les autres Pyjamasques en figurines ! Ninjaka vole un ancien gong pour réveiller un vrai Dragon !</t>
  </si>
  <si>
    <t>FR43091-HDTX</t>
  </si>
  <si>
    <t>L'héritier du trône</t>
  </si>
  <si>
    <t>106</t>
  </si>
  <si>
    <t>Qui héritera du trône d'Enchancia ?</t>
  </si>
  <si>
    <t>2016</t>
  </si>
  <si>
    <t>FR31563-HDTX</t>
  </si>
  <si>
    <t>23:35:00</t>
  </si>
  <si>
    <t>05/01/2021</t>
  </si>
  <si>
    <t>mardi</t>
  </si>
  <si>
    <t>La journée de l'amitié</t>
  </si>
  <si>
    <t>C'est la fête de l'amitié mais les chapeaux de fête ont disparu.</t>
  </si>
  <si>
    <t>FR30675-HDTX</t>
  </si>
  <si>
    <t>Mille mercis, Mickey</t>
  </si>
  <si>
    <t>56</t>
  </si>
  <si>
    <t>Minnie prépare le repas pour la fête des mille mercis.</t>
  </si>
  <si>
    <t>FR30674-HDTX</t>
  </si>
  <si>
    <t>Le pique-nique de Minnie</t>
  </si>
  <si>
    <t>Minnie invite tous ses amis à pique-niquer.</t>
  </si>
  <si>
    <t>FR30648-HDTX</t>
  </si>
  <si>
    <t>40</t>
  </si>
  <si>
    <t>Apprentie créaturopathe/Leçons d’épouvante</t>
  </si>
  <si>
    <t>Vampirina aide un créaturopathe à prendre soin d'un œuf mystérieux. Un monstre à câlins loge dans l'Auberge à Cauchemars et en profite pour apprendre des techniques d'épouvante.</t>
  </si>
  <si>
    <t>FR34595-HDTX</t>
  </si>
  <si>
    <t>Boris l'acrobate / Le stand de citronnade</t>
  </si>
  <si>
    <t>Boris reçoit une invitation pour retrouver d'anciens amis vampires avec qui il faisait de la haute-voltige. / Avec l'aide du Chef Giovanni, Vampirina et Poppy montent un stand de citronnade.</t>
  </si>
  <si>
    <t>FR34596-HDTX</t>
  </si>
  <si>
    <t>Bienvenue à la maison</t>
  </si>
  <si>
    <t>Boris et Oxana ont inscrit les Monstrueuses (le groupe de musique formé par Vampirina, Poppy et Bridget) à participer à un télé-crochet très connu en Transylvanie. Vampirina est ravie de faire découvrir à ses amies l'endroit d'où elle vient. Malheureusement, les choses sont légèrement différentes de ce dont elle se souvient, et le retour à la maison ne s'avère pas aussi tranquille que prévu.</t>
  </si>
  <si>
    <t>FR34597-HDTX</t>
  </si>
  <si>
    <t>La chauve-sougrippe / La magie des mots</t>
  </si>
  <si>
    <t>Vampirina et le reste de la famille Hantley attrapent la chauve-sougrippe. Demi et Gregoria vont devoir travailler en équipe pour les guérir. / Vampirina entraîne Bridget à lire des poésies pour qu'elle ait moins peur de réciter son poème à voix haute devant la classe pour la Journée de la Poésie.</t>
  </si>
  <si>
    <t>FR34598-HDTX</t>
  </si>
  <si>
    <t>Gluglu et la lune rousse : Partie 1 / Gluglu et la lune rousse : Partie 2</t>
  </si>
  <si>
    <t>Les Pyjamasques doivent aller sur la lune pour empêcher Sorceline d'améliorer ses pouvoirs d'aimantage, mais Gluglu a peur de l'espace !</t>
  </si>
  <si>
    <t>FR43077-HDTX</t>
  </si>
  <si>
    <t>Yoyo et l’Animo-Métamorpho-Zoo / Gluglu et le robot sous-marin</t>
  </si>
  <si>
    <t>Tout en essayant d'empêcher Roméo de transformer les gens en animaux de compagnie, Yoyo se transforme en chat ! Gluglu a peur de demander de l'aide quand il doit combattre le robot-pieuvre de Roméo sous l'eau.</t>
  </si>
  <si>
    <t>FR43078-HDTX</t>
  </si>
  <si>
    <t>Roméo contre-attaque / Sorceline et la lune cassée</t>
  </si>
  <si>
    <t>37</t>
  </si>
  <si>
    <t>Roméo crée une ceinture tout en un pour contrer les nouveaux pouvoirs des Pyjamasques. Quand Roméo commence à creuser sur la lune, les Pyjamasques demandent l'aide de Sorceline.</t>
  </si>
  <si>
    <t>FR63062-HDTX</t>
  </si>
  <si>
    <t>La montagne mystérieuse / Les Pyjamasques et le Pyja-prisonnier</t>
  </si>
  <si>
    <t>38</t>
  </si>
  <si>
    <t>Les Pyjamasques doivent empêcher les Ninja de la Nuit de voler une bague magique cachée au sommet de la Montagne Mystère.</t>
  </si>
  <si>
    <t>FR43080-HDTX</t>
  </si>
  <si>
    <t>L'aventure</t>
  </si>
  <si>
    <t>Princesses, chevaux et baguettes magiques. Bluey et Chloé peuvent jouer tous les personnages, et se lancent dans une aventure au parc pour sauver le royaume de la Reine cupide</t>
  </si>
  <si>
    <t>FR79409-HDTX</t>
  </si>
  <si>
    <t>Imitation</t>
  </si>
  <si>
    <t>Bluey s'amuse à imiter tout ce que papa dit et fait, mais le jeu devient sérieux lorsque Bluey trouve une perruche blessée qu'ils doivent emmener d'urgence chez le vétérinaire.</t>
  </si>
  <si>
    <t>FR79410-HDTX</t>
  </si>
  <si>
    <t>La Soirée Pyjama</t>
  </si>
  <si>
    <t>39</t>
  </si>
  <si>
    <t>Muffin passe la soirée chez Bluey et Bingo, ravies de pouvoir se coucher plus tard. Mais Muffin, qui n'a pas fait la sieste, est épuisée et les deux sœurs jouent pour la tenir éveillée.</t>
  </si>
  <si>
    <t>FR79411-HDTX</t>
  </si>
  <si>
    <t>Le bébé prématuré</t>
  </si>
  <si>
    <t>L'hôpital pour bébés d'Indy est confronté aux chevaliers et aux dragons de Rusty. Le groupe de Bluey se chamaille. Finalement en s'expliquant, ils trouvent tous des points communs à leurs jeux.</t>
  </si>
  <si>
    <t>FR79413-HDTX</t>
  </si>
  <si>
    <t>Les mamans et les papas</t>
  </si>
  <si>
    <t>Jouant au papa et à la maman, Indy et Rusty s’opposent sur celui qui doit travailler, alors ils se séparent. Indy peine à trouver une baby-sitter, tandis que Bluey prend Rusty comme bébé !</t>
  </si>
  <si>
    <t>FR79414-HDTX</t>
  </si>
  <si>
    <t>Cache-cache</t>
  </si>
  <si>
    <t>42</t>
  </si>
  <si>
    <t>Toute la famille joue à cache-cache. C'est à Bluey de chercher, elle compte jusqu'à vingt mais pourra-t'elle rester concentrée sur le jeu et ne pas se laisser distraire par tous ses jouets ?</t>
  </si>
  <si>
    <t>FR79415-HDTX</t>
  </si>
  <si>
    <t>Camping</t>
  </si>
  <si>
    <t>Bluey fait du camping dans la forêt et se fait un nouvel ami, Johnny. Bluey ne le comprend peut-être pas, mais ils trouvent une langue commune en jouant et en chassant un gros sanglier.</t>
  </si>
  <si>
    <t>FR79416-HDTX</t>
  </si>
  <si>
    <t>Le Mont Papamaman</t>
  </si>
  <si>
    <t>44</t>
  </si>
  <si>
    <t>Bingo et Bluey ont encore cinq minutes pour jouer avant d'aller se coucher et ont juste le temps d’escalader le Mont Papamaman. Mais entre fortes tempêtes et avalanches, cela demandera un travail d'équipe.</t>
  </si>
  <si>
    <t>FR79417-HDTX</t>
  </si>
  <si>
    <t>Le jeu des enfants</t>
  </si>
  <si>
    <t>45</t>
  </si>
  <si>
    <t>Faire les courses s'avère difficile pour Papa, lorsque Bingo et Bluey veulent jouer au « jeu des enfants ». Maintenant Bluey est Maman, Bingo est son bébé et Papa est un garçon très vilain !</t>
  </si>
  <si>
    <t>FR79418-HDTX</t>
  </si>
  <si>
    <t>Ratpoulet</t>
  </si>
  <si>
    <t>À l'heure du coucher, Bingo a oublié où elle a laissé sa chère Floppy ! Revenant sur leurs pas, Bingo et Bluey revivent leur journée avec Maman, en espérant la retrouver.</t>
  </si>
  <si>
    <t>FR81482-HDTX</t>
  </si>
  <si>
    <t>Les Voisins</t>
  </si>
  <si>
    <t>Bluey sollicite les conseils de sa maman concernant une voisine indélicate. La sérénité de sa maison imaginaire faite de coussins est menacée par l'étable d'animaux de Bingo qui s'étend à vue d'œil.</t>
  </si>
  <si>
    <t>FR79420-HDTX</t>
  </si>
  <si>
    <t>Taquineries</t>
  </si>
  <si>
    <t>Bluey, Bingo et Maman débattent avec Papa de la définition de taquiner. Elles se rappellent chaque fois où il a été un « gros taquin », Papa affirme qu'il « jouait seulement ».</t>
  </si>
  <si>
    <t>FR216232-HDTX</t>
  </si>
  <si>
    <t>Asperge</t>
  </si>
  <si>
    <t>Bluey demande à quoi servent les bonnes manières. Papa lui explique que c'est ce qui nous différencie des animaux sauvages. Maman donne alors à Bluey une asperge magique qui peut changer les gens en animal de son choix. Ravie de s'affranchir des règles,Bluey transforme sa famille en poulets, souris et suricates mais Maman-lionne veut dévorer le voisin, Papa-morse écrase ses jouets et Bingo-perroquet mange l'asperge, les figeant dans leur aspect bestial ! Finalement, Bluey fait dire "chien" à Bingo et leurs rend forme canine. La sauvagerie n'est peut-être pas si drôle !</t>
  </si>
  <si>
    <t>FR79422-HDTX</t>
  </si>
  <si>
    <t>Capitaine Rolly / Une idée rafraichissante</t>
  </si>
  <si>
    <t>Bob emmène Bingo et Rolly à une exposition sur Capitaine Dog, où ils deviennent leurs héros pour la journée. / Les chiots tentent de garder Bob au frais par cette chaude journée.</t>
  </si>
  <si>
    <t>FR36034-HDTX</t>
  </si>
  <si>
    <t>Vampirina, monstrostar ! / Le théâtre hanté</t>
  </si>
  <si>
    <t>Vampirina perd sa voix avant un grand concert des Monstrueuses, en Transylvanie. / Vampirina, Bridget et Poppy rencontrent un fantôme très éloquent lors d'une sortie scolaire au théâtre.</t>
  </si>
  <si>
    <t>FR64488-HDTX</t>
  </si>
  <si>
    <t>Bibou et les Bibou-zouaves / Gluglu rejette la faute</t>
  </si>
  <si>
    <t>Cette fois, Ninjaka est allé trop loin. Ses Ninjazouaves en ont assez et ils vont travailler pour Bibou ! Greg ne prend pas suffisamment soin de la voiture de Cameron et finit par la perdre.</t>
  </si>
  <si>
    <t>FR30374-HDTX</t>
  </si>
  <si>
    <t>La course à la tuliza</t>
  </si>
  <si>
    <t>66</t>
  </si>
  <si>
    <t>Fuli se perd sur le territoire d'un guépard mâle qui refuse de lui indiquer le chemin tant qu'elle ne fait pas la course avec lui. Un groupe de flamants roses bruyants met la patience de Kion à rude épreuve.</t>
  </si>
  <si>
    <t>FR63867-HDTX</t>
  </si>
  <si>
    <t>Le Conte du Noble Chevalier</t>
  </si>
  <si>
    <t>79</t>
  </si>
  <si>
    <t>De passage dans la bibliothèque secrète, Sofia découvre l'histoire du noble chevalier qui recherche le bouclier Glace-feu.</t>
  </si>
  <si>
    <t>FR30972-HDTX</t>
  </si>
  <si>
    <t>Paré au décollage / Premier cours</t>
  </si>
  <si>
    <t>Kit se porte volontaire pour une mission afin de prouver qu’elle est prête à entrer à l’École de Pilotage Valkyrie. Kit se lie d'amitié avec Valérie d'Avion, la fille la plus cool de la classe !</t>
  </si>
  <si>
    <t>FR79567-HDTX</t>
  </si>
  <si>
    <t>Le Monde de Bingo et Rolly S2 Ep 49</t>
  </si>
  <si>
    <t>FR61679-HDTX</t>
  </si>
  <si>
    <t>FR64494-HDTX</t>
  </si>
  <si>
    <t>Les Pyjamasques et le Tatou-héros/Tatouro’Tom et le Turbo-Labo</t>
  </si>
  <si>
    <t>Après avoir empêché un astéroïde de s'écraser sur la ville, Tatouro’Tom pense qu'il fait partie des Pyjamasques. Roméo essaie d'utiliser les pouvoirs de Tatouro’Tom pour améliorer son laboratoire.</t>
  </si>
  <si>
    <t>FR43090-HDTX</t>
  </si>
  <si>
    <t>L'oeil de Faucon</t>
  </si>
  <si>
    <t>105</t>
  </si>
  <si>
    <t>Chrysta et Sofia sont en mission à Wei-ling pour protéger une des 9 Merveilles convoitées par Prisma.</t>
  </si>
  <si>
    <t>FR31562-HDTX</t>
  </si>
  <si>
    <t>06/01/2021</t>
  </si>
  <si>
    <t>mercredi</t>
  </si>
  <si>
    <t>Sire Dingo du lac</t>
  </si>
  <si>
    <t>Dingo veut devenir chevalier.</t>
  </si>
  <si>
    <t>FR30673-HDTX</t>
  </si>
  <si>
    <t>Le copain de Pluto</t>
  </si>
  <si>
    <t>Un jeune phoque arrive dans la Maison de Mickey. Mickey et ses amis vont le dresser pour qu'il participe à un spectacle de cirque.</t>
  </si>
  <si>
    <t>FR30672-HDTX</t>
  </si>
  <si>
    <t>Dingo s'entraîne</t>
  </si>
  <si>
    <t>Dingo se prépare pour remporter la grande course d'obstacles.</t>
  </si>
  <si>
    <t>FR30652-HDTX</t>
  </si>
  <si>
    <t>Le Dingosaure / Les bénévoles à la maison du thé</t>
  </si>
  <si>
    <t>La visite de Tokyo tourne mal quand Dingo libère par accident un robot dinosaure dans les rues de la ville. Minnie emmène ses amies à participer à la traditionnelle cérémonie du thé Japonaise.</t>
  </si>
  <si>
    <t>FR82284-HDTX</t>
  </si>
  <si>
    <t>L’Avillenersaire / Les lapins de poussière</t>
  </si>
  <si>
    <t>Lors de l'Avillenersaire, Vampirina et sa famille prennent peur ! En nettoyant l'Auberge à Cauchemars, Demi tente un nouveau sort pour aller plus vite.</t>
  </si>
  <si>
    <t>FR34599-HDTX</t>
  </si>
  <si>
    <t>La Saint-Hurlantin/Une nouvelle remplaçante</t>
  </si>
  <si>
    <t>Vampirina mélange par erreur ses cartes de Saint-Valentin avec ses cartes de Saint-Hurlantin. M. Gore s’absente et Oxana décide de le remplacer.</t>
  </si>
  <si>
    <t>FR34600-HDTX</t>
  </si>
  <si>
    <t>La Nuit Hantée/Concours d’inventions</t>
  </si>
  <si>
    <t>Vampirina et ses parents invitent leurs amis de Transylvanie pour fêter leur premier Halloween en Pennsylvanie. / Pour un concours d’inventions, Vampirina tente de ramener une fleur à la vie.</t>
  </si>
  <si>
    <t>FR34601-HDTX</t>
  </si>
  <si>
    <t>Vampirina, la ballerine / La Chasse au trésor</t>
  </si>
  <si>
    <t>Vampirina décide de participer au ballet organisé par l'école : le Lac des Cygnes. Demi trouve une carte hantée dans les coussins du canapé de la maison des Hantley. Vampirina et ses amis vont tenter de mettre la main sur un trésor.</t>
  </si>
  <si>
    <t>FR34602-HDTX</t>
  </si>
  <si>
    <t>Yoyo et les Farfeloups / Gluglu et les dinosaures</t>
  </si>
  <si>
    <t>Les Pyjamasques affrontent leurs nouveaux ennemis : les loups. Les connaissances de Gluglu permettent à l'équipe de reprendre des os préhistoriques aux enfants loups.</t>
  </si>
  <si>
    <t>FR43081-HDTX</t>
  </si>
  <si>
    <t>Gluglu et la chasse aux oeufs / Bibou a un plan</t>
  </si>
  <si>
    <t>Les Pyjamasques doivent protéger les œufs en chocolat de Pâques contre les enfants loups. Sorceline fait équipe avec les loups pour distraire les Pyjamasques pendant qu'elle cambriole le musée.</t>
  </si>
  <si>
    <t>FR43082-HDTX</t>
  </si>
  <si>
    <t>Yoyo pas rapido / Gluglu et la lave collante</t>
  </si>
  <si>
    <t>Après que Roméo a volé les pouvoirs de Yoyo, celui-ci doit apprendre à être un super-héros sans aucun superpouvoir. Ninjaka transforme la Montagne Mystère en volcan.</t>
  </si>
  <si>
    <t>FR43083-HDTX</t>
  </si>
  <si>
    <t>Les Pyjamasques et Tatouro’Tom / Bibou invisible</t>
  </si>
  <si>
    <t>Les Pyjamasques rencontrent Tatouro’Tom et pensent qu'il est un super héros comme eux. Bibou devient accidentellement invisible !</t>
  </si>
  <si>
    <t>FR43084-HDTX</t>
  </si>
  <si>
    <t>Shaun</t>
  </si>
  <si>
    <t>50</t>
  </si>
  <si>
    <t>Le désir de Bluey et Bingo d'avoir un animal domestique est mis à rude épreuve quand Papa fait apparaître Shaun, un émeu caractériel qui met la maison sens dessus-dessous et refuse d'obéir. Maman conseille à Bluey de rester "calme et maîtresse d'elle" et quand Shaun s'enfuit, Bluey, s'inspirant du conseil, parvient à l'arrêter avec calme et autorité. Une fois que Bluey contrôle Shaun, Papa est pris à son propre jeu et doit obéir à sa fille au doigt et à l'œil ! Le lendemain matin, il est épuisé mais heureux que Shaun soit parti jusqu'à ce que les fillettes lui présentent quatre bébés émeus</t>
  </si>
  <si>
    <t>FR79424-HDTX</t>
  </si>
  <si>
    <t>Papa met Bingo et Bluey au lit</t>
  </si>
  <si>
    <t>51</t>
  </si>
  <si>
    <t>Comme maman sort à une fête prénatale, papa se charge de la routine du soir des filles. Mais Maman manque à Bluey, et papa doit sortir tous les jeux qu'il connaît pour divertir ses filles.</t>
  </si>
  <si>
    <t>FR79425-HDTX</t>
  </si>
  <si>
    <t>Bluey S1 Ep 52</t>
  </si>
  <si>
    <t>FR79426-HDTX</t>
  </si>
  <si>
    <t>Opération puzzle/Concerto en carlin mineur</t>
  </si>
  <si>
    <t>Réalisateur: Scott Bern, Réalisateur: Stephanie Arnett, Réalisateur: Trevor WallRéalisateur: Trevor Wall</t>
  </si>
  <si>
    <t>Bob ne peut pas finir son puzzle sans une image de léopard, alors Bingo et Rolly vont lui en chercher un vrai. / Sans le vouloir, les chiots mettent le bazar à un concert.</t>
  </si>
  <si>
    <t>FR36035-HDTX</t>
  </si>
  <si>
    <t>Chasse aux bonbons / On recommence !</t>
  </si>
  <si>
    <t>C’est Halloween ! Vampirina est impatiente d’aller pour la première fois à la chasse aux bonbons avec ses amis. / Demi jette un sort pour remonter le temps et empêcher que le projet de Vampirina soit détruit.</t>
  </si>
  <si>
    <t>FR64487-HDTX</t>
  </si>
  <si>
    <t>Yoyo revoit sa copie / Gluglu et son super sixième sens</t>
  </si>
  <si>
    <t>La machine à multiplier Roméo fabrique accidentellement des clones de Yoyo. Ninjaka met les Pyjamasques au défi de remporter une partie de "capture du drapeau" contre lui. Le prix est leur QG.</t>
  </si>
  <si>
    <t>FR30373-HDTX</t>
  </si>
  <si>
    <t>Souvenirs de voyage</t>
  </si>
  <si>
    <t>65</t>
  </si>
  <si>
    <t>Makini croit pouvoir se fier aux souvenirs qu'elle a de son premier voyage vers l'Arbre de Vie. Mais la Garde du Roi Lion finit par se perdre dans le désert. Ils vont devoir apprendre à s'orienter grâce aux étoiles.</t>
  </si>
  <si>
    <t>FR63866-HDTX</t>
  </si>
  <si>
    <t>La belle est la bête</t>
  </si>
  <si>
    <t>78</t>
  </si>
  <si>
    <t>L'amulette d'Avalor envoie Sofia auprès d'une princesse en détresse. La princesse Charlotte de l'ïle verdoyante est victime d'un sort qui l'a transformée en bête.</t>
  </si>
  <si>
    <t>FR30971-HDTX</t>
  </si>
  <si>
    <t>La recette du désastre / Le gang de la forêt</t>
  </si>
  <si>
    <t>Un chef sournois vole le cahier de recettes de Kit et Sareena quand celles-ci refusent de dévoiler l’’ingrédient secret d’une délicieuse spécialité familiale ! Kit enquête sur une série de vols incroyables à travers Hughesville !</t>
  </si>
  <si>
    <t>FR79565-HDTX</t>
  </si>
  <si>
    <t>Des vacances de rêve / Le mystère de la balle de golf</t>
  </si>
  <si>
    <t>Bob veut se réveiller sur son lieu de vacances de rêve, alors les chiots décident de l’emmener à Tahiti. Bingo et Rolly parcourent le terrain de golf à la recherche de la balle manquante de Bob.</t>
  </si>
  <si>
    <t>FR61680-HDTX</t>
  </si>
  <si>
    <t>FR64493-HDTX</t>
  </si>
  <si>
    <t>Gluglu et le Ninjartiste/Les Pyjamasques et le Roméomanège</t>
  </si>
  <si>
    <t>Après s'être retrouvé séparé, Yoyo doit affronter seul ses erreurs pour vaincre Ninjaka. Roméo crée un jeu vidéo et les Pyjamasques doivent faire équipe avec les autres méchants pour l'arrêter.</t>
  </si>
  <si>
    <t>FR43092-HDTX</t>
  </si>
  <si>
    <t>Le trésor des pirates</t>
  </si>
  <si>
    <t>104</t>
  </si>
  <si>
    <t>Alors qu'elles se préparent à assister au spectacle annuel de la pluie d'étoiles, Sofia, Ambre et Miranda sont enlevées par des pirates.</t>
  </si>
  <si>
    <t>FR31561-HDTX</t>
  </si>
  <si>
    <t>07/01/2021</t>
  </si>
  <si>
    <t>jeudi</t>
  </si>
  <si>
    <t>Pat et la fête hawaïenne</t>
  </si>
  <si>
    <t>Pat invite Mickey et ses amis à une grande fête hawaïenne sur la plage. Il fait très chaud et il n'y a pas de vagues pour faire du surf. Heureusement, les maxi-outils vont arranger les choses.</t>
  </si>
  <si>
    <t>FR30671-HDTX</t>
  </si>
  <si>
    <t>L'arc-en-ciel de Minnie</t>
  </si>
  <si>
    <t>Mickey et ses amis veulent découvrir l'endroit où se termine l'arc-en-ciel.</t>
  </si>
  <si>
    <t>FR30670-HDTX</t>
  </si>
  <si>
    <t>Bébé Dingo</t>
  </si>
  <si>
    <t>Le professeur a inventé une machine à voyager dans le temps.</t>
  </si>
  <si>
    <t>FR30647-HDTX</t>
  </si>
  <si>
    <t>Mickey et ses amis rénovent une ferme décatie. Le professeur Von Drake doit s'absenter et confie la garde de son laboratoire aux Bénévoles qui doivent suivre une liste d'instructions importantes.</t>
  </si>
  <si>
    <t>FR82286-HDTX</t>
  </si>
  <si>
    <t>Une bonne frayeur/L’Oncle Yéti</t>
  </si>
  <si>
    <t>Vampirina attrape le vampire-hoquet. Poppy et Bridget, qui essaient de l’en débarrasser, ont du mal à lui faire peur./ Le yéti, ancien colocataire de Boris, vient à l’auberge.</t>
  </si>
  <si>
    <t>FR34603-HDTX</t>
  </si>
  <si>
    <t>Crocs de lait/Le thé transylvanien</t>
  </si>
  <si>
    <t>Vampirina perd ses crocs de lait à l'école et s'inquiète, car elle a peur de ne plus être un vampire à part entière s'ils ne repoussent pas ou pire, si des dents humaines poussent à la place. / Mamie Goule arrive chez les Hantley avec Nosfy, la petite cousine vampire de la famille. Mamie Goule fait cadeau de son service à thé à Vampirina et cette dernière s'empresse d'organiser un thé transylvanien traditionnel pour ses amis.</t>
  </si>
  <si>
    <t>FR34604-HDTX</t>
  </si>
  <si>
    <t>La Comtesse Vampirina/Lumières, caméras, frissons !</t>
  </si>
  <si>
    <t>Vampirina apprend qu’elle est l’héritière directe de son oncle Dieter et qu’elle peut prétendre au titre de comtesse. Vampirina, Poppy et Bridget aident Edgar à réaliser un film de monstres pour un concours.</t>
  </si>
  <si>
    <t>FR34605-HDTX</t>
  </si>
  <si>
    <t>La fête des momies/Dansylvanie</t>
  </si>
  <si>
    <t>Oxana reçoit une momie à l'Auberge à Cauchemars. Elle vient passer une journée de détente pour la Fête des Momies, l'équivalent de la Fête des Mères, mais pour toutes les mamans monstres. Vampirina propose alors de gérer l'Auberge avec ses amis, pour qu'Oxana puisse se reposer aussi. / Vampirina invite tous ses amis à la maison pour célébrer le jour de Dansylvanie, une fête transylvanienne où tout le monde doit danser du matin au soir. Mais un invité surprise à l'Auberge risque de faire peur aux invités de Vampirina.</t>
  </si>
  <si>
    <t>FR34606-HDTX</t>
  </si>
  <si>
    <t>La montagne des Farfeloups/Les Pyjamasques et le cristal de lune</t>
  </si>
  <si>
    <t>Les enfants loups prennent la Montagne Mystère de Ninjaka. Roméo vole le Cristal de Lune, mais les Pyjamasques sont convaincus que Sorceline est la coupable.</t>
  </si>
  <si>
    <t>FR43085-HDTX</t>
  </si>
  <si>
    <t>Bibou et le gentil méchant / Bibou et le nouveau justicier</t>
  </si>
  <si>
    <t>Roméo fait croire à Tatouro’Tom qu'il est devenu un gentil. Ninjaka convainc Tatouro’Tom que les Pyjamasques ont volé tous les nouveaux comics Flossy Flash !</t>
  </si>
  <si>
    <t>FR43086-HDTX</t>
  </si>
  <si>
    <t>Gluglu et les algues fluorescentes/Bibou et le télescope</t>
  </si>
  <si>
    <t>Les pouvoirs du Gluglu sont augmentés grâce à une algue lors d'une mission sous-marine. Tout en essayant d'arrêter Sorceline, Bibou casse la lentille du télescope d'un observatoire et accuse son ennemie jurée.</t>
  </si>
  <si>
    <t>FR43087-HDTX</t>
  </si>
  <si>
    <t>Le Q.G. des Farfeloups/Gluglu et le gentil Farfeloup</t>
  </si>
  <si>
    <t>Les loups entrent dans le QG et le transforment en tanière ! Tandis que les loups se déchaînent, Gluglu doute d'avoir l'étoffe d'un gentil tandis que Kévin n'est pas sûr de vouloir être un méchant.</t>
  </si>
  <si>
    <t>FR43088-HDTX</t>
  </si>
  <si>
    <t>Le jour de la Licorne ! / Les Bénévoles à cheval !</t>
  </si>
  <si>
    <t>Une licorne a été aperçue à Hot-Dog Ville ! Minnie et Daisy adorent les chevaux. Mais sont-elles assez expertes pour donner des cours d'équitation ?</t>
  </si>
  <si>
    <t>FR82277-HDTX</t>
  </si>
  <si>
    <t>La légende de Reptilio/Les chiots gardent Bébé</t>
  </si>
  <si>
    <t>Bob a perdu sa canne à pêche favorite, et Bingo et Rolly doivent affronter une créature légendaire pour la récupérer. / Les carlins doivent s'occuper d'un chiot qui a beaucoup d'énergie à revendre.</t>
  </si>
  <si>
    <t>FR36036-HDTX</t>
  </si>
  <si>
    <t>Anniversaire de mariage / L'enfant loup</t>
  </si>
  <si>
    <t>Oxana et Boris fêtent leur quatre centième anniversaire de mariage et Vampirina leur organise un dîner. / Les Hantley reçoivent un invité à l'Auberge à Cauchemars, un enfant loup du nom de Crobert.</t>
  </si>
  <si>
    <t>FR64486-HDTX</t>
  </si>
  <si>
    <t>Bibou, l'oiseau rare / Yoyo tambour battant</t>
  </si>
  <si>
    <t>Quand Roméo s'empare du pouvoir de Bibou, il se dote, ainsi que Gluglu et Yoyo, du pouvoir de voler. Ninjaka veut transformer le défilé de Yoyo en sa propre "ninja parade" !</t>
  </si>
  <si>
    <t>FR30372-HDTX</t>
  </si>
  <si>
    <t>Un marais mystérieux</t>
  </si>
  <si>
    <t>Quand Makini suit des mystérieuses lumières bleues, elle et Ono se retrouvent pris au piège dans une caverne.</t>
  </si>
  <si>
    <t>FR63865-HDTX</t>
  </si>
  <si>
    <t>Les Otariens</t>
  </si>
  <si>
    <t>77</t>
  </si>
  <si>
    <t>Ambre et Sofia espionnent leur entourage et se trompent sur ce qu'elles croient voir.</t>
  </si>
  <si>
    <t>FR30970-HDTX</t>
  </si>
  <si>
    <t>Le Monde de Bingo et Rolly S2 Ep 51</t>
  </si>
  <si>
    <t>Réalisateur: Scott Bern, Réalisateur: Bill Breneisen</t>
  </si>
  <si>
    <t>FR61681-HDTX</t>
  </si>
  <si>
    <t>Le concours de citrouilles / Un invité glacé</t>
  </si>
  <si>
    <t>Vampirina participe à un concours de sculpture de citrouilles, mais sa citrouille prend des dimensions monstrueuses. / Oxana crée une tempête de neige en pleine vague de chaleur.</t>
  </si>
  <si>
    <t>FR64492-HDTX</t>
  </si>
  <si>
    <t>Gluglu et le Contrario-Laser/Les Pyjamasques contre la bande des méchants</t>
  </si>
  <si>
    <t>Le nouveau dispositif de Roméo transforme Bibou et Yoyo en méchants ! Tous les méchants unissent leurs forces pour enfin vaincre les Pyjamasques une fois pour toutes !</t>
  </si>
  <si>
    <t>FR43093-HDTX</t>
  </si>
  <si>
    <t>Mission papillons</t>
  </si>
  <si>
    <t>103</t>
  </si>
  <si>
    <t>L'amulette de Sofia l'envoie au secours d'une princesse en détresse. Sofia est surprise de voir qu'il s'agit de son ancienne ennemie, la princesse Eva.</t>
  </si>
  <si>
    <t>FR31560-HDTX</t>
  </si>
  <si>
    <t>08/01/2021</t>
  </si>
  <si>
    <t>vendredi</t>
  </si>
  <si>
    <t>La folle journée de Mickey</t>
  </si>
  <si>
    <t>Pluto a accidentellement enclenché la manette de folie.</t>
  </si>
  <si>
    <t>FR30669-HDTX</t>
  </si>
  <si>
    <t>Daisy Agent Secret</t>
  </si>
  <si>
    <t>L'agent Daisy se voit confier sa première mission d'agent secret.</t>
  </si>
  <si>
    <t>FR30668-HDTX</t>
  </si>
  <si>
    <t>Dingo Charpentier</t>
  </si>
  <si>
    <t>Dingo souhaite fabriquer un nichoir pour son bébé oiseau rouge.</t>
  </si>
  <si>
    <t>24min</t>
  </si>
  <si>
    <t>FR30646-HDTX</t>
  </si>
  <si>
    <t>FR87797-HDTX</t>
  </si>
  <si>
    <t>La Nuit de la Lune Sanguine/Jour de neige</t>
  </si>
  <si>
    <t>Mamie Goule et Grand-pire viennent pour fêter la Lune Sanguine. Vampirina n’a pas la neige qu’elle espérait, alors Demi fait appel à la magie.</t>
  </si>
  <si>
    <t>FR34607-HDTX</t>
  </si>
  <si>
    <t>La randonnée des Louvettes / Monstres et humains</t>
  </si>
  <si>
    <t>Vampirina, Poppy et Bridget partent faire de la randonnée et camper avec les Louvettes de Pennsylvanie. Vampirina espère gagner son badge de randonnée sans avoir recours à la magie. / Une ancienne amie de Vampirina qui habite toujours en Transylvanie, Frankie, vient lui rendre visite et tourner un reportage pour la télévision transylvanienne.</t>
  </si>
  <si>
    <t>FR64474-HDTX</t>
  </si>
  <si>
    <t>Les Farfeloups volants / Gluglu et les voleurs de lézard</t>
  </si>
  <si>
    <t>Rip essaie de recueillir les plumes des ailes de Bibou pour faire voler les loups. Quand des squelettes sont volés du musée, les Pyjamasques pensent que les loups sont les coupables !</t>
  </si>
  <si>
    <t>FR43089-HDTX</t>
  </si>
  <si>
    <t>FR82278-HDTX</t>
  </si>
  <si>
    <t>Un trésor inestimable/La course à l'écureuil</t>
  </si>
  <si>
    <t>Les chiots se rendent sur un site archéologique pour ramener la sœur de Bob. Un écureuil bruyant dans le grenier empêche Bob de se concentrer. La mission des chiots, le raccompagner dans sa famille.</t>
  </si>
  <si>
    <t>FR36037-HDTX</t>
  </si>
  <si>
    <t>FR64485-HDTX</t>
  </si>
  <si>
    <t>Bibou et la fusée / Yoyo fait son show</t>
  </si>
  <si>
    <t>Roméo s'infiltre dans le QG des Pyjamasques et découvre les pouvoirs de leur fusée ultra-secrète. Yoyo comprend que le panache importe peu, du moment qu'on réussit la mission.</t>
  </si>
  <si>
    <t>FR30371-HDTX</t>
  </si>
  <si>
    <t>Les singes et l'avalanche</t>
  </si>
  <si>
    <t>Kion perd le contrôle du Rugissement des Ancêtres et détruit sans le vouloir le territoire des singes des neiges. Il tente alors de se racheter.</t>
  </si>
  <si>
    <t>FR63864-HDTX</t>
  </si>
  <si>
    <t>Minimus a grandi</t>
  </si>
  <si>
    <t>76</t>
  </si>
  <si>
    <t>Les Starwings, troupe de célèbres chevaux volants, se produisent à Enchancia. À cette occasion, Minimus veut prouver à ses parents, vedettes du spectacle, qu'il est un grand voltigeur.</t>
  </si>
  <si>
    <t>FR30969-HDTX</t>
  </si>
  <si>
    <t>Contrôle au sol à Rocketeer / Sauvons la statue</t>
  </si>
  <si>
    <t>Tesh apporte à son vélo des modifications extrêmes mais finalement pas aussi utiles qu’il l’espérait. Kit, Tesh et Butch collectent des fonds pour réparer la statue du Rocketeer original.</t>
  </si>
  <si>
    <t>FR79563-HDTX</t>
  </si>
  <si>
    <t>Le Monde de Bingo et Rolly S2 Ep 52</t>
  </si>
  <si>
    <t>Réalisateur: Stephanie Arnett, Réalisateur: Bill Breneisen</t>
  </si>
  <si>
    <t>FR61682-HDTX</t>
  </si>
  <si>
    <t>Les filles Hauntley / Une maison pas si hantée</t>
  </si>
  <si>
    <t>Lors d’un atelier lecture chez Vampirina, on choisit un livre ensorcelé qui va semer le chaos. / Poppy et Vampirina élaborent un plan pour hanter la maison de Poppy et faire fuir de potentiels acheteurs.</t>
  </si>
  <si>
    <t>FR79699-HDTX</t>
  </si>
  <si>
    <t>Les Pyjamasques fêtent Halloween: P1/Les Pyjamasques fêtent Halloween: P2</t>
  </si>
  <si>
    <t>Les Pyjamasques doivent protéger les chasseurs de bonbons et leurs sacs le soir d'Halloween !</t>
  </si>
  <si>
    <t>FR43094-HDTX</t>
  </si>
  <si>
    <t>L'assistant alchimiste</t>
  </si>
  <si>
    <t>102</t>
  </si>
  <si>
    <t>Sofia doit choisir un animal pour l'assister durant les cours d'alchimie. Elle organise un essai pour chacun des candidats.</t>
  </si>
  <si>
    <t>FR31559-HDTX</t>
  </si>
  <si>
    <t>Channel</t>
  </si>
  <si>
    <t>DCFR</t>
  </si>
  <si>
    <t>LOLIROCK</t>
  </si>
  <si>
    <t>Silence on tourne...</t>
  </si>
  <si>
    <t>Réalisateur: Jean-Louis Vandestoc, Interprète: Cassandre BergetRéalisateur: Jean-Louis Vandestoc, Interprète: Cassandre Berget</t>
  </si>
  <si>
    <t>Les LoliRock veulent faire la promotion de leurs chansons, et rencontrent un réalisateur de clips vidéo au bar à smoothies. Iris et Auriana arrivent à convaincre Talia, perplexe, de travailler avec ce réalisateur excentrique, qui insiste pour que les filles retirent leurs bijoux afin de rendre le clip à l’esthétique « pré-historique » plus « authentique ». A l’instant même où les filles retirent leurs bijoux, le réalisateur s’avère être Méphisto déguisé, qui s’empresse de leur voler leurs bijoux.</t>
  </si>
  <si>
    <t>FR26512-HDTX</t>
  </si>
  <si>
    <t>06:25:00</t>
  </si>
  <si>
    <t>Un artiste bien connu</t>
  </si>
  <si>
    <t>Décidant de faire une pause dans leurs séances d’entraînement à la magie, les LoliRock se rendent à un concert dans le désert pour y voir la star du moment, DJ Ezra. Talia est immédiatement refroidie par l’attitude suffisante du chanteur, tandis qu’Auriana ne peut s’empêcher de penser qu’elle l’a déjà rencontré. Lorsqu’Ezra doit partir dans le désert récupérer un roadie en panne avec son camion, il demande à Iris de l’accompagner. Sous le charme, Iris le suit et pénètre dans une grotte, ayant entendu quelqu’un appeler à l’aide.</t>
  </si>
  <si>
    <t>FR26513-HDTX</t>
  </si>
  <si>
    <t>MIRACULOUS, LES AVENTURES DE LADYBUG ET CHAT NOIR</t>
  </si>
  <si>
    <t>Le Bulleur</t>
  </si>
  <si>
    <t>Réalisateur: Matthieu Choquet, Réalisateur: Thomas AstrucRéalisateur: Thomas Astruc</t>
  </si>
  <si>
    <t>Nino n’a pas réussi à convaincre le père d’Adrien d’organiser une fête pour son ami. Déçu, il est akumatisé par Le Papillon. Devenu Le Bulleur, et armé de son épée à bulles magiques, il se débarrasse des adultes, ces empêcheurs de s’amuser, en les emprisonnant dans des bulles qu’il envoie ensuite dans le ciel. Ladybug doit affronter seule le Bulleur car Chat Noir n'est pas là... Adrien s’étant laissé convaincre de profiter de la fête organisée par le Bulleur en l’absence de son père.</t>
  </si>
  <si>
    <t>Prologic</t>
  </si>
  <si>
    <t>PG19188-TX</t>
  </si>
  <si>
    <t>07:25:00</t>
  </si>
  <si>
    <t>L’imposteur</t>
  </si>
  <si>
    <t>Réalisateur: Thomas AstrucRéalisateur: Thomas Astruc</t>
  </si>
  <si>
    <t>Catastrophe ! Marinette a laissé par erreur un message sur le répondeur d’Adrien dans lequel elle lui avoue ses sentiments. Il faut absolument qu’elle retrouve le téléphone d’Adrien avant lui pour effacer le message compromettant.Prise dans sa course contre la montre, elle ne peut pas assister à l’inauguration d’une statue de Ladybug et Chat Noir créée par Théo Camiel. Chat Noir profite de son absence pour faire croire à Théo, amoureux de notre héroïne, qu’il y a plus que de l’amitié entre Ladybug et lui. Déçu et jaloux, Théo est akumatisé par Le Papillon.</t>
  </si>
  <si>
    <t>PG19189-TX</t>
  </si>
  <si>
    <t>07:55:00</t>
  </si>
  <si>
    <t>LUZ À OSVILLE</t>
  </si>
  <si>
    <t>Auteur à succès</t>
  </si>
  <si>
    <t>King devient un auteur à succès et apprend à bien lire un contrat.</t>
  </si>
  <si>
    <t>FR80356-HDTX</t>
  </si>
  <si>
    <t>08:25:00</t>
  </si>
  <si>
    <t>ELENA D'AVALOR EP 57-58</t>
  </si>
  <si>
    <t>FR79540-HDTX</t>
  </si>
  <si>
    <t>09:20:00</t>
  </si>
  <si>
    <t>Audimatrix</t>
  </si>
  <si>
    <t>La jounaliste Nadja Chamack invite Lady Bug et Chat Noir sur le plateau de son émission dans le but d'obtenir des révélations intimes sur leur relation. Mais Lady Bug ne se laisse pas faire ! Cela permettra au Papillon d'akumatiser la journaliste, qui deviendra Audimatrix.</t>
  </si>
  <si>
    <t>FR32402-HDTX</t>
  </si>
  <si>
    <t>09:45:00</t>
  </si>
  <si>
    <t>Glaciator</t>
  </si>
  <si>
    <t>D’après la légende, le couple qui mange une glace chez André s’aime pour toujours ! Marinette espère qu’Adrien sera de la partie, mais ce dernier ne vient pas. Déçue par l’absence d’Adrien, Marinette refuse de manger la glace que lui tend André.Effondré, le glacier est akumatisé par le Papillon. Devenu Glaciator et armé de sa portionneuse à glace, il transforme les gens en glace.Ladybug et un Chat Noir vont unir leurs forces pour arrêter Glaciator avant que tous les Parisiens n’aient fondu !</t>
  </si>
  <si>
    <t>FR32403-HDTX</t>
  </si>
  <si>
    <t>10:10:00</t>
  </si>
  <si>
    <t>Doudou Vilain</t>
  </si>
  <si>
    <t>Chloé décide d’organiser une fête chez elle, au Palace, et d’inviter tous les collégiens. Coachée par son majordome, Chloé fait des efforts et parvient à être aimable. Mais un événement la fait sortir de ses gonds et elle finit par renvoyer son majordome devant tous ses invités. Humilié, le majordome est akumatisé par le Papillon. Devenu Doudou Vilain, il peut désormais manipuler tous ceux qu’il touche. Et il compte bien se servir de son pouvoir pour se venger de Chloé. Ladybug et Chat Noir devront intervenir rapidement s’ils ne veulent pas perdre le contrôle de la situation !</t>
  </si>
  <si>
    <t>FR32404-HDTX</t>
  </si>
  <si>
    <t>10:35:00</t>
  </si>
  <si>
    <t>L'insaisissable</t>
  </si>
  <si>
    <t>L’assistante dévouée de Jagged, se fait akumatiser par le Papillon et devient l’Insaisissable. Armée d’un stylo qui lui permet de devenir intangible quand elle le souhaite, celle qui réglait toujours les problèmes des autres va désormais tout faire pour en créer !Enfermée dans la boulangerie, Marinette devra trouver un moyen de s’éclipser et de se transformer en Ladybug pour aider Chat Noir à vaincre l’Insaisissable.Nos deux super-héros devront réussir à arrêter la vilaine avant qu’elle ne sème le chaos !</t>
  </si>
  <si>
    <t>FR32405-HDTX</t>
  </si>
  <si>
    <t>Gigantitan</t>
  </si>
  <si>
    <t>Le garde du corps d’Adrien, énervé à cause des filles, devient une cible de choix pour le Papillon. Cependant, alors que ce dernier tente de l’akumatiser, le Gorille se calme. L’akuma transforme alors un jeune enfant se trouvant sur son chemin et énervé d’avoir perdu sa tétine.Devenu Gigantitan, un bébé géant doté d’une force incroyable, l’enfant parcourt Paris à la recherche d’une nouvelle tétine, détruisant tout sur son passage.</t>
  </si>
  <si>
    <t>FR32406-HDTX</t>
  </si>
  <si>
    <t>11:50:00</t>
  </si>
  <si>
    <t>GABBY DURAN, BABY-SITTER D’EXTRATERRESTRES</t>
  </si>
  <si>
    <t>La concurrente de Gabby</t>
  </si>
  <si>
    <t>Dina fait appel à Susie Dustman, qui prétend être une super baby-sitter, pour garder Olivia. Gabby est jalouse et va affronter sa rivale pour gagner le cœur de sa sœur.</t>
  </si>
  <si>
    <t>Fiction</t>
  </si>
  <si>
    <t>FR83414-HDTX</t>
  </si>
  <si>
    <t>VA-T’EN, LICORNE!</t>
  </si>
  <si>
    <t>Licorne en orbite! / Dehors, Licorne!</t>
  </si>
  <si>
    <t>Réalisateur: Jason GrohRéalisateur: Jason Groh</t>
  </si>
  <si>
    <t>Quand Alice programme sa maison pour qu’elle se nettoie elle-même, celle-ci décide de se débarrasser de Licorne.</t>
  </si>
  <si>
    <t>FR63199-HDTX</t>
  </si>
  <si>
    <t>12:45:00</t>
  </si>
  <si>
    <t>Licorne et la fanfare !</t>
  </si>
  <si>
    <t>Lorsque Licorne s’enfuit avec la mascotte de l’équipe de football, Alice et la fanfare partent à sa recherche pour éviter qu’il ait de gros ennuis.</t>
  </si>
  <si>
    <t>11min</t>
  </si>
  <si>
    <t>FR63238-HDTX</t>
  </si>
  <si>
    <t>Anansi</t>
  </si>
  <si>
    <t>Alors que Marinette, Alya et Nino s’apprêtent à sortir, Nora, la grande sœur surprotectrice d’Alya, intervient : toutes les récentes akumatisations l’inquiètent. Elle refuse de laisser Alya sortir, c’est trop dangereux. Nino lui affirme alors qu’il protègera Alya en cas de danger et Nora lui lance un défi : s’il gagne, Alya pourra les accompagner. Impatiente de sortir, Marinette triche et aide Nino à gagner.Restée seule et inquiète pour sa sœur, Nora se fait akumatiser par le Papillon et devient Anansi, une femme araignée géante.</t>
  </si>
  <si>
    <t>FR32421-HDTX</t>
  </si>
  <si>
    <t>13:25:00</t>
  </si>
  <si>
    <t>Malédikteur</t>
  </si>
  <si>
    <t>Après s’être ridiculisée devant toute la classe, Chloé demande à son père de la venger. Mais Mr. Bourgeois a beau être le maire de Paris, ses pouvoirs ont quand même des limites. Déçue, Chloé le menace alors de partir vivre à New York avec sa mère.Paniqué et désemparé, Mr. Bourgeois se fait akumatiser par le Papillon et devient Malédikteur. Désormais doté d’un pouvoir absolu, il veut réaliser tous les rêves de sa fille Mais quand Chat Noir tombe aux prises de Malédikteur, Marinette / Ladybug n’a d’autre choix que de faire appel à Queen Bee, alias Chloé !</t>
  </si>
  <si>
    <t>FR32422-HDTX</t>
  </si>
  <si>
    <t>LA BANDE À PICSOU</t>
  </si>
  <si>
    <t>Astro B.O.Y.D.!</t>
  </si>
  <si>
    <t>B.O.Y.D. étant en panne, Riri, Géo et Fenton se rendent au Japon dans le laboratoire où il a été créé. Cependant, un secret du passé de B.O.Y.D. pourrait signifier le destin de Gérard Mentor.</t>
  </si>
  <si>
    <t>FR83524-HDTX</t>
  </si>
  <si>
    <t>14:25:00</t>
  </si>
  <si>
    <t>La Bande à Picsou</t>
  </si>
  <si>
    <t>Dewey doit accepter son talon d'Achille pour battre le champion de lutte viking bien-aimé Jormungandr, dans une bataille royale pour le sort de la Terre.</t>
  </si>
  <si>
    <t>FR83525-HDTX</t>
  </si>
  <si>
    <t>PAF LE CHIEN</t>
  </si>
  <si>
    <t>Preum's</t>
  </si>
  <si>
    <t>Réalisateur: Charles VaucelleRéalisateur: Charles Vaucelle</t>
  </si>
  <si>
    <t>Lola et Victor sont tous les deux fans du jeu Galaktik Dance. Mais pour débloquer le dernier niveau qui fera de l’un ou de l’autre le champion, il leur manque une carte. C’est la course au dernier numéro du magazine contenant la carte ! Et Paf a bien du travail car Victor et Tank ne reculent devant aucun moyen pour récupérer la carte en premier.</t>
  </si>
  <si>
    <t>FR66564-HDTX</t>
  </si>
  <si>
    <t>15:15:00</t>
  </si>
  <si>
    <t>La peur aux trousses</t>
  </si>
  <si>
    <t>Lola est paniquée ce matin. Elle a un super contrôle à l’école et n'est pas très confiante. En effet, depuis le début de la journée, il ne lui arrive que des tuiles. Heureusement, Paf lui ramène son stylo porte-bonheur. Avec ce stylo, tout se réalise. Lola part l’esprit apaisé mais Paf se rend compte que Capuche a piqué la trousse avec le stylo. Arf, Paf doit le récupérer et le ramener à Lola avant l’examen. Plus facile à dire qu’à faire car les Guanos, voulant s’accaparer le pouvoir du stylo, le dérobent. Mais pour les pigeons, cela va vite tourner au cauchemar ! Un cauchemar nommé Paf !</t>
  </si>
  <si>
    <t>FR66565-HDTX</t>
  </si>
  <si>
    <t>Etoiles fuyantes</t>
  </si>
  <si>
    <t>Ce soir, Lola est bien décidée à voir une étoile filante et à faire un vœu. En matière de vœu, nos amis les Guanos n’en ont qu’un seul… se débarrasser de Capuche. Pendant que Lola, en compagnie de Victor, tente de monter un télescope, Paf lutte contre les volatiles. Finalement, il se transformera lui-même en étoile filante pour que sa maîtresse puisse faire son vœu.</t>
  </si>
  <si>
    <t>FR66566-HDTX</t>
  </si>
  <si>
    <t>15:45:00</t>
  </si>
  <si>
    <t>ELENA D'AVALOR</t>
  </si>
  <si>
    <t>Croisière d'anniversaire</t>
  </si>
  <si>
    <t>Elena tente d'aider la princesse Chloé à se faire des amis en lui organisant une fête d'anniversaire. Mais une nymphe menace de gâcher les festivités.</t>
  </si>
  <si>
    <t>FR71267-HDTX</t>
  </si>
  <si>
    <t>Des pas de géants</t>
  </si>
  <si>
    <t>71</t>
  </si>
  <si>
    <t>Naomi rentre à Avalor pour mettre en garde Elena contre des sorciers malavisés.</t>
  </si>
  <si>
    <t>FR71269-HDTX</t>
  </si>
  <si>
    <t>16:45:00</t>
  </si>
  <si>
    <t>Rossignoble</t>
  </si>
  <si>
    <t>Laura Rossignol, une jeune chanteuse américaine, est à Paris pour tourner le clip de sa dernière chanson : une déclaration d'amour à Ladybug et Chat Noir. Mais Laura se fait akumatiser par le Papillon. Devenue Rossignoble, et armée de son micro magique, elle veut se venger de Chloé et faire de Paris une gigantesque comédie musicale, en forçant les Parisiens à chanter et danser sans s’arrêter sous peine d’être figés à jamais. Pour l’arrêter, Ladybug et Chat Noir ne devront pas perdre le rythme !</t>
  </si>
  <si>
    <t>FR56614-HDTX</t>
  </si>
  <si>
    <t>17:10:00</t>
  </si>
  <si>
    <t>Gorizilla</t>
  </si>
  <si>
    <t>Alors que Gabriel soupçonne Adrien d’être Chat Noir, ce dernier parvient à déjouer la vigilance de son garde du corps et à sortir de chez lui. Incapable de retrouver Adrien, son garde du corps est akumatisé en Gorizilla. Commence alors une véritable chasse à l’homme. Gorizilla, doté d’un flair et d’une force hors du commun, qui traquent Adrien dans tout Paris.Marinette et Adrien parviendront-ils à leur échapper pour devenir Ladybug et Chat Noir et arrêter le super vilain ? Et Gabriel découvrira-t-il la vérité sur la double identité de son fils ?</t>
  </si>
  <si>
    <t>FR32410-HDTX</t>
  </si>
  <si>
    <t>17:45:00</t>
  </si>
  <si>
    <t>COOP &amp; CAMI</t>
  </si>
  <si>
    <t>Un frère pour deux</t>
  </si>
  <si>
    <t>Charlotte demande à Cooper de chanter dans son groupe a capella pour la semaine. Ça l'éloigne de "Vous préférez quoi" et Cami a du mal avec l'idée de partager son frère.</t>
  </si>
  <si>
    <t>FR81099-HDTX</t>
  </si>
  <si>
    <t>18:10:00</t>
  </si>
  <si>
    <t>Le plagiat</t>
  </si>
  <si>
    <t>Coop et Cami essaient de découvrir qui est la personne mystérieuse derrière une nouvelle chaîne de streaming rivale appelée "Qu'est-ce que vous préférez?". Charlotte convainc Jenna d'utiliser les réseaux sociaux.</t>
  </si>
  <si>
    <t>FR81103-HDTX</t>
  </si>
  <si>
    <t>18:35:00</t>
  </si>
  <si>
    <t>Une nouvelle recrue</t>
  </si>
  <si>
    <t>Cami découvre que Tara veut remplacer Delaware dans l'équipe de danse et se bat quand elle s'aperçoit que c'est peut-être à cause d'elle.</t>
  </si>
  <si>
    <t>FR81100-HDTX</t>
  </si>
  <si>
    <t>Le combat des Reines - Partie 1</t>
  </si>
  <si>
    <t>C’est la Fashion Week et le tout Paris a rendez-vous au défilé de mode de Gabriel Agreste, durant lequel Adrien portera un chapeau créé par Marinette. Pour l’occasion, Audrey Bourgeois, la mère de Chloé et la Reine Internationale de la mode, est de passage dans la capitale.Mais, manipulée par Gabriel / le Papillon, Audrey se fait akumatiser et devient Style Queen, la vilaine la plus chic de tout Paris !Ladybug s’apprête à faire appel à un nouveau super héros pour l’aider, mais elle perd le Miraculous qu’elle souhaitait lui confier…</t>
  </si>
  <si>
    <t>FR81227-HDTX</t>
  </si>
  <si>
    <t>19:25:00</t>
  </si>
  <si>
    <t>Le combat des Reines - Partie 2</t>
  </si>
  <si>
    <t>Audrey Bourgeois, Reine de la Mode et mère de Chloé, félicite Marinette pour son talent et lui propose de l’accompagner à New York. Jalouse, Chloé utilise le Miraculous de l’Abeille égaré par Ladybug pour se transformer en Queen Bee, bien décidée à prouver à sa mère qu’elle est aussi exceptionnelle que Marinette.Mais rien ne se passe comme prévu et Chloé se fait akumatiser par le Papillon… alors qu’elle est encore en Queen Bee !Désormais à la tête d’une armée d’abeilles maléfiques, Queen Wasp veut se venger de Ladybug et Chat Noir, qui ne la reconnaissent pas en tant que super héroïne.</t>
  </si>
  <si>
    <t>FR32419-HDTX</t>
  </si>
  <si>
    <t>19:50:00</t>
  </si>
  <si>
    <t>Riposte</t>
  </si>
  <si>
    <t>Une escrimeuse perd son duel face à Adrien.Humiliée, elle se fait akumatiser par le Papillon. Devenue Riposte et armée de son sabre, elle veut se venger d’Adrien en le battant lors d’un nouveau duel. Marinette / Ladybug intervient, faisant preuve d’une rage inédite face à la super vilaine qui cherche à s’en prendre à son Adrien. Coincé entre Riposte qui veut l’attaquer et Ladybug qui veut le protéger, ce dernier ne peut pas devenir Chat Noir. Il lui faudra pourtant trouver un moyen de se transformer pour aider Ladybug à vaincre l’escrimeuse akumatisée…</t>
  </si>
  <si>
    <t>FR32407-HDTX</t>
  </si>
  <si>
    <t>20:15:00</t>
  </si>
  <si>
    <t>Befana</t>
  </si>
  <si>
    <t>Aujourd’hui c’est l’anniversaire de Marinette ! Pour l’occasion, ses amis et ses parents lui ont préparé une fête surprise. Mais une autre surprise l’attend : son extravagante grand-mère Gina a décidé de passer la journée avec elle ! Et lorsque Marinette préfère rejoindre ses amis plutôt que passer du temps avec elle, Gina, déçue, se fait akumatiser.Marinette arrivera-t-elle à échapper à Befana, et Ladybug osera-t-elle affronter sa propre grand-mère akumatisée ?</t>
  </si>
  <si>
    <t>FR32408-HDTX</t>
  </si>
  <si>
    <t>Gabby Duran, Baby-sitter d’extraterrestres S1 Ep 18</t>
  </si>
  <si>
    <t>Gabby Duran a le sentiment de vivre dans l'ombre de sa mère Dina, une femme brillante qui a réussi sa vie, et de sa petite sœur Olivia, qui est très intelligente. Mais Gabby trouve enfin un moyen de briller quand elle va devoir jouer la baby-sitter pour des extraterrestres qui se cachent sur Terre. Gabby n'a peur de rien et elle est très courageuse. Elle va relever le défi afin de prouver que c'est la meilleure baby-sitter de la galaxie.</t>
  </si>
  <si>
    <t>FR77790-HDTX</t>
  </si>
  <si>
    <t>21:25:00</t>
  </si>
  <si>
    <t>Gabby Duran, Baby-sitter d’extraterrestres S1 Ep 19</t>
  </si>
  <si>
    <t>FR77791-HDTX</t>
  </si>
  <si>
    <t>SYDNEY AU MAX</t>
  </si>
  <si>
    <t>Quatre amigas</t>
  </si>
  <si>
    <t>Les filles font un pacte pour aller au bal de l'école sans cavaliers. Sydney se retrouve alors très ennuyée quand Ned l'invite au bal.</t>
  </si>
  <si>
    <t>FR82697-HDTX</t>
  </si>
  <si>
    <t>22:25:00</t>
  </si>
  <si>
    <t>Sydney To The Max S2 Ep 27 : Devenir une femme</t>
  </si>
  <si>
    <t>Sydney a un accident à l'école après avoir eu ses premières règles. Elle est maintenant trop gênée pour jouer son solo de basse au concert de l'école.</t>
  </si>
  <si>
    <t>FR82698-HDTX</t>
  </si>
  <si>
    <t>DISNEY FAM JAM, DÉFIS EN FAMILLE</t>
  </si>
  <si>
    <t>Disney Fam Jam, Défis en famille</t>
  </si>
  <si>
    <t>Animé par Ariel Martin et Trevor Tordjman de ZOMBIES 2, des familles de toute l'Amérique se réunissent pour s'affronter dans le tout nouveau spectacle de compétition de danse de Disney Channel, Fam Jam ! Entraînés par le chorégraphe primé Phil Wright, les membres des familles sortiront de leur salon et se mettront sous le feu des projecteurs pour voir s'ils ont les épaules pour être les prochains champions et gagner un prix de 10 000 dollars en espèces.</t>
  </si>
  <si>
    <t>FR86013-HDTX</t>
  </si>
  <si>
    <t>23:25:00</t>
  </si>
  <si>
    <t>25min</t>
  </si>
  <si>
    <t>FR86014-HDTX</t>
  </si>
  <si>
    <t>LES NUITS DE Disney Channel France</t>
  </si>
  <si>
    <t>FRIENDS: CINQ FILLES EN MISSION</t>
  </si>
  <si>
    <t>Quand un artiste riposte</t>
  </si>
  <si>
    <t>Réalisateur: Andrew Tan, Réalisateur: Stephen MurrayRéalisateur: Stephen Murray, Réalisateur: Andrew Tan</t>
  </si>
  <si>
    <t>Dr Alva a un énorme projet immobilier qui menace le vieux quartier des arts de Heartlake City, ce qui n'est pas du goût des habitants. Nos amies, maintenant épaulées par Ethan et son groupe de l'ombre, vont tout faire pour sauvegarder le quartier historique. Mais Ethan n'est pas d'accord avec les méthodes employées par les filles.</t>
  </si>
  <si>
    <t>Danemark</t>
  </si>
  <si>
    <t>FR62038-HDTX</t>
  </si>
  <si>
    <t>06:10:00</t>
  </si>
  <si>
    <t>L'ancien, c'est trop bien!</t>
  </si>
  <si>
    <t>Réalisateur: Stephen Murray, Réalisateur: Andrew TanRéalisateur: Stephen Murray, Réalisateur: Andrew Tan</t>
  </si>
  <si>
    <t>Poursuivant ses projets de démolition du quartier historique de Heartlake City, Dr Alva oblige les commerçants à fermer boutique. Nos amies vont aider la dernière commerçante à résister aux assauts du Dr Alva.</t>
  </si>
  <si>
    <t>FR62039-HDTX</t>
  </si>
  <si>
    <t>Intrigues en studio</t>
  </si>
  <si>
    <t>Andrea va avoir la chance de partager la même scène que Jérémy Doré, le chanteur en vogue, le temps d'un de ses tubes! Mais le manager de JD ne voit pas ce duo d'un très bon oeil.</t>
  </si>
  <si>
    <t>FR62040-HDTX</t>
  </si>
  <si>
    <t>06:35:00</t>
  </si>
  <si>
    <t>Le Défi du circuit</t>
  </si>
  <si>
    <t>Alors que les filles dégustent un smoothie, la championne de kart Vicky entrent dans le dinner.Un défi est lancé sur la piste dés l'aprés midi.</t>
  </si>
  <si>
    <t>FR62041-HDTX</t>
  </si>
  <si>
    <t>Chronogirl</t>
  </si>
  <si>
    <t>Les camarades de classe d’Alix cassent, sans le faire exprès, une montre d’une valeur inestimable offerte par son père. Furieuse, elle est akumatisée par Le Papillon et devient Timebreaker. Armée de ses rollers, elle compte utiliser l’énergie de ses camarades en les faisant disparaître pour pouvoir remonter dans le temps et sauver sa montre. En essayant de l’arrêter, Ladybug retourne dans le passé avec elle.Aidée de Chat Noir et de son double du passé, elle doit neutraliser Timebreaker. Mais la tâche n’est pas aisée, car Timebreaker s’est elle aussi dédoublée !</t>
  </si>
  <si>
    <t>PG19190-TX</t>
  </si>
  <si>
    <t>Le Pharaon</t>
  </si>
  <si>
    <t>A cause d’une maladresse de Ladybug, Alya est persuadée que cette dernière est une collégienne. Pour empêcher Alya de découvrir son secret et suivant les conseils de Tikki, Marinette entraîne alors sa meilleure amie au musée, sans savoir elle-même pourquoi.Mais sur place, le grand frère d’Alix, Jalil, un jeune égyptologue, est akumatisé par Le Papillon et devient Pharaon, un super vilain doté des pouvoirs des dieux de l’Egypte ancienne. Il compte sacrifier Alya lors d’un rituel afin de ressusciter son amour perdu, une antique princesse égyptienne !</t>
  </si>
  <si>
    <t>PG19191-TX</t>
  </si>
  <si>
    <t>En quête de nouveaux sorts</t>
  </si>
  <si>
    <t>Luz a besoin d'apprendre un nouveau sort. Eda l'emmène s'entraîner dans l'endroit le plus magique de l'île.</t>
  </si>
  <si>
    <t>FR80355-HDTX</t>
  </si>
  <si>
    <t>L'histoire des deux sceptres</t>
  </si>
  <si>
    <t>Réalisateur: Robb PrattRéalisateur: Robb Pratt</t>
  </si>
  <si>
    <t>Elena part dans un royaume enchanté pour apprendre à maîtriser les pouvoirs de son sceptre, mais le retour de Shuriki à Avalor l'empêche de poursuivre son apprentissage.</t>
  </si>
  <si>
    <t>FR54805-HDTX</t>
  </si>
  <si>
    <t>08:50:00</t>
  </si>
  <si>
    <t>Une princesse à l'Académie des Sciences</t>
  </si>
  <si>
    <t>Isabel assiste à son premier cours à l'Académie des Sciences avec sa scientifique préférée, le professeur Ochoa.</t>
  </si>
  <si>
    <t>FR54806-HDTX</t>
  </si>
  <si>
    <t>09:15:00</t>
  </si>
  <si>
    <t>La Foire des Royaumes</t>
  </si>
  <si>
    <t>Quand son grand frère arrive à Avalor, Armando perd tous ses moyens et se sent incapable de gérer la Foire des Royaumes.</t>
  </si>
  <si>
    <t>FR54807-HDTX</t>
  </si>
  <si>
    <t>09:40:00</t>
  </si>
  <si>
    <t>Un monstre amoureux</t>
  </si>
  <si>
    <t>Lorsqu'un autre monfuego menace d'entrer en éruption, Elena appelle Charoca à l'aide pour découvrir ce qui met en colère le monstre de pierre qui y habite.</t>
  </si>
  <si>
    <t>FR54808-HDTX</t>
  </si>
  <si>
    <t>10:20:00</t>
  </si>
  <si>
    <t>Jackady</t>
  </si>
  <si>
    <t>Venu présenter un numéro d’hypnose lors d’un concours de talents à la télévision, Jacques Grimault se fait humilier par Gabriel Agreste, le père d’Adrien. Akumatisé par Le Papillon, il devient Jackady. Armé de son jeu de cartes, il lui suffit de donner un ordre pour se faire obéir de tous. Et le vilain compte bien se servir de son nouveau don pour se venger de Gabriel, hypnotisant tout Paris sur son passage.Ladybug et Chat Noir doivent absolument intervenir, Chat Noir / Adrien pour protéger son père, et Ladybug / Marinette pour sauver le père d’Adrien et Adrien lui-même.</t>
  </si>
  <si>
    <t>PG19206-TX</t>
  </si>
  <si>
    <t>10:50:00</t>
  </si>
  <si>
    <t>Poupéflekta</t>
  </si>
  <si>
    <t>Alors que Marinette organise un défilé de mode avec ses amis, elle se retrouve à jouer les modèles avec Adrien ! Pour mieux mettre en valeur les créations de Marinette, ils enlèvent leurs Miraculous et les laissent à l’arrière d’une voiture faisant office de loge. Déçue de n’avoir pas su exprimer son désir de faire le mannequin pour le défilé, Juleka redevient Réflekta. Et quand Marinette et Adrien voient la super-vilaine arriver avec son sentimonstre, ils découvrent qu’il ne s’agit pas d’une akumatisée comme les autres et comprennent que Papillon a reçu l’aide d’un allié spécial.</t>
  </si>
  <si>
    <t>FR84348-HDTX</t>
  </si>
  <si>
    <t>11:20:00</t>
  </si>
  <si>
    <t>Papa Garou</t>
  </si>
  <si>
    <t>Quand Chat Noir manque de comprendre que Marinette est Ladybug, Marinette panique et lui fait croire qu’elle est amoureuse de lui pour détourner son attention. Mais ses parents assistent à sa déclaration, et Tom, absolument ravi, décide d’inviter Chat Noir à déjeuner chez les Dupain-Cheng. Mais quand le super-héros leur avoue qu’il n’est pas amoureux de Marinette, Tom a le coeur brisé et se fait akumatiser par le Papillon. Devenu Papa Garou, un immense homme-chien de garde monstrueux, il enferme Marinette dans une prison de ronces pour la protéger du monde extérieur et des peines de coeur.</t>
  </si>
  <si>
    <t>FR84367-HDTX</t>
  </si>
  <si>
    <t>La journée de Dina</t>
  </si>
  <si>
    <t>La "journée de Dina" arrive et Gabby est déterminée à trouver un cadeau à sa mère qui rattrapera celui de l'année dernière. Pendant ce temps, Swift prépare la fin de sa mission sur terre.</t>
  </si>
  <si>
    <t>FR77798-HDTX</t>
  </si>
  <si>
    <t>Licorne et les abeilles! / Il y a aucune issue, Licorne!</t>
  </si>
  <si>
    <t>Toute la famille participe à un jeu d'évasion. Alice et Licorne sont persuadés de pouvoir résoudre facilement le mystère… sauf que tout le monde se met soudainement à disparaître de la pièce, excepté Alice.</t>
  </si>
  <si>
    <t>FR63205-HDTX</t>
  </si>
  <si>
    <t>Licorne au dojo !</t>
  </si>
  <si>
    <t>Alice est convaincue qu’elle va réussir son évaluation de karaté, mais Licorne lui cause des ennuis avec son enthousiasme démesuré.</t>
  </si>
  <si>
    <t>FR63239-HDTX</t>
  </si>
  <si>
    <t>Le marchand de sable</t>
  </si>
  <si>
    <t>Parcourant la ville sur son nuage magique, le Marchand de Sable donne vie aux mauvais rêves de tous ceux qu’il croise, y compris Marinette et Adrien. Marinette se retrouve alors poursuivie par une vision cauchemardesque d’un Adrien amoureux de Chloé, tandis que le vrai Adrien, lui, se fait emprisonner dans sa chambre !Tikki et Plagg passent la nuit avec les autres kwamis, Marinette et Adrien ne peuvent pas se transformer en Ladybug et Chat Noir pour aller affronter l’énigmatique Marchand de Sable… Parviendront-ils à retrouver Tikki et Plagg à temps pour faire cesser ce cauchemar?</t>
  </si>
  <si>
    <t>FR32423-HDTX</t>
  </si>
  <si>
    <t>Excursion au pays des jeux</t>
  </si>
  <si>
    <t>Réalisateur: Dana Terrace, Interprète: David TennantRéalisateur: Dana Terrace, Interprète: David Tennant</t>
  </si>
  <si>
    <t>Les neveux emmènent Zaza au Pays des Jeux de Funzo et se font kidnapper par les frères Rapetou. Donald se révolte contre le règlement intérieur de Mamie Baba.</t>
  </si>
  <si>
    <t>FR60377-HDTX</t>
  </si>
  <si>
    <t>AD</t>
  </si>
  <si>
    <t>À la recherche de la pièce fétiche</t>
  </si>
  <si>
    <t>Réalisateur: John Aoshima, Réalisateur: Dana Terrace, Interprète: David TennantRéalisateur: Dana Terrace, Interprète: David Tennant</t>
  </si>
  <si>
    <t>Loulou dépense par erreur la pièce fétiche de Picsou et fait appel à Géo Trouvetou pour la récupérer. Pendant ce temps, une conspiration donne du fil à retordre à Fifi et Zaza.</t>
  </si>
  <si>
    <t>FR60379-HDTX</t>
  </si>
  <si>
    <t>Pinata party</t>
  </si>
  <si>
    <t>La série suit les aventures de Paf, un chien astucieux, bon acrobate qui appartient à Lola, une jeune fille gentille et adorable.</t>
  </si>
  <si>
    <t>FR66567-HDTX</t>
  </si>
  <si>
    <t>Chevalier Paf</t>
  </si>
  <si>
    <t>Lola et ses amis sont en plein jeu de rôle médiéval. Dans le château gonflable se trouve le trésor : le goûter. Mais le terrible chevalier noir, qui n’est autre que Victor, les menace de s’en emparer et de mettre tout le monde au cachot. Paf devra non seulement se débarrasser de Tank qui monte la garde devant le château, mais également empêcher les Guanos de se faire la malle avec le goûter… tout en empêchant le chevalier noir d’emprisonner sa petite maîtresse ! Nul ne provoque Paf impunément !</t>
  </si>
  <si>
    <t>FR66568-HDTX</t>
  </si>
  <si>
    <t>Pas de sieste pour Paf</t>
  </si>
  <si>
    <t>70</t>
  </si>
  <si>
    <t>Cet après-midi, Lola va tenir compagnie à sa vieille voisine, Honorine. Au programme : jeux et, elle l’espère, dégustation de tartes. Car Honorine fait les meilleures de la ville. Bien évidemment, les Guanos lorgnent aussi sur les délicieuses tartes. Mais alors que Paf lutte contre les volatiles, Honorine pense qu’il leur fait du mal et l’enferme dans la cave. Les tartes et Capuche sont maintenant à la merci des pigeons. Mais Paf n’a pas dit son dernier mot et compte bien sauver le goûter !</t>
  </si>
  <si>
    <t>FR66570-HDTX</t>
  </si>
  <si>
    <t>La tête dans les étoiles</t>
  </si>
  <si>
    <t>72</t>
  </si>
  <si>
    <t>Elena continue sa quête tout en protégeant son royaume d'une famille de sorciers malfaisants et en apprenant à maîtriser ses nouveaux pouvoirs magiques.</t>
  </si>
  <si>
    <t>FR71270-HDTX</t>
  </si>
  <si>
    <t>Apprentis magiciens</t>
  </si>
  <si>
    <t>74</t>
  </si>
  <si>
    <t>Gaby snobe Mateo en recrutant un magicien flamboyant pour apprendre la magie à ses gardes. Il découvre vite qu'il n'existe aucun raccourci vers la réussite.</t>
  </si>
  <si>
    <t>FR71272-HDTX</t>
  </si>
  <si>
    <t>Robostus</t>
  </si>
  <si>
    <t>Markov, le meilleur ami de Max, est un petit robot doté d’émotions. Mais quand Max l’emmène avec lui au collège, Mme Mendeleiev et le proviseur M. Damoclès le traitent comme un jouet et le séparent de Max. Profitant de la détresse de Markov, le Papillon l’akumatise en Robostus.Désormais capable de donner vie aux objets inanimés, Robostus sème le chaos dans Paris. Il veut réunir les Miraculous de Ladybug et Chat Noir pour ne plus jamais être séparé de son ami Max.Nos deux super-héros parviendront-ils à faire entendre raison à ce robot tout ce qu’il y a de plus humain ?</t>
  </si>
  <si>
    <t>FR32411-HDTX</t>
  </si>
  <si>
    <t>Sapotis</t>
  </si>
  <si>
    <t>Alors que Marinette et Alya font une soirée pyjama chez cette dernière, les petites sœurs d’Alya, les jumelles Etta et Ella, enchaînent les bêtises. Punies par Alya, les jumelles se font akumatiser par le Papillon. Devenues les Sapotis, des petits monstres incontrôlables qui se reproduisent en mangean. Rapidement dépassée par la situation et le nombre de Sapotis facétieux, Ladybug doit faire appel à une nouvelle super héroïne. Elle choisit Alya et lui confie le Miraculous du Renard. Alya devient Rena Rouge, la super-héroïne renarde armée d’une flûte à illusions !</t>
  </si>
  <si>
    <t>FR32412-HDTX</t>
  </si>
  <si>
    <t>De tout petits problèmes</t>
  </si>
  <si>
    <t>King se confie à une diseuse de bonne aventure dans un carnaval qui réalise son rêve, mais il y a un prix à payer.</t>
  </si>
  <si>
    <t>FR85783-HDTX</t>
  </si>
  <si>
    <t>Comprendre Willow</t>
  </si>
  <si>
    <t>Luz, Willow et Amity se remémorent des souvenirs.</t>
  </si>
  <si>
    <t>FR80359-HDTX</t>
  </si>
  <si>
    <t>Le bal de promo</t>
  </si>
  <si>
    <t>Luz affronte Grom, le monstre du bal de Promo, et le résultat n'est pas ce à quoi elle s'attendait.</t>
  </si>
  <si>
    <t>FR87870-HDTX</t>
  </si>
  <si>
    <t>Le jour des Héros - Partie 1</t>
  </si>
  <si>
    <t>C’est le Jour des Héros à Paris, et chacun doit préparer une bonne action pour les autres. Mais Marinette n’a pas eu le temps de s’occuper de la sienne. De peur de décevoir ses amis en leur annonçant qu’elle n’a rien préparé, Marinette leur ment et se retrouve rapidement dépassée par son propre mensonge.Mais son cauchemar ne fait que commencer. En effet, de son côté, le Papillon akumatise son assistante Nathalie en Catalyste, une super vilaine qui lui permettra de mettre en action le plan qu’il prépare depuis si longtemps… un plan censé lui permettre de vaincre enfin Ladybug et Chat Noir…</t>
  </si>
  <si>
    <t>FR32424-HDTX</t>
  </si>
  <si>
    <t>Le jour des Héros - Partie 2</t>
  </si>
  <si>
    <t>Le Papillon, devenu Papillon Ecarlate grâce à Catalyste, a enfin mis à exécution son terrible plan en réakumatisant tous ses anciens vilains !Pour les affronter, Ladybug et Chat Noir se retrouvent à la tête d’une équipe de super héros composée de Rena Rouge, Queen Bee et Carapace. Mais les héros ne sont pas habitués à travailler ensemble et se rendent rapidement compte qu’ils manquent d’entraînement. Très vite, ils se retrouvent dans une situation extrêmement difficile et sont sur le point de se faire vaincre par Papillon Ecarlate…</t>
  </si>
  <si>
    <t>FR32425-HDTX</t>
  </si>
  <si>
    <t>DISNEY MICKEY MOUSE (COMPILATION)</t>
  </si>
  <si>
    <t>Suprise!/ Un Amour de scooter</t>
  </si>
  <si>
    <t>Retrouvez une compilation des épisodes de la saison 5 de Mickey Mouse</t>
  </si>
  <si>
    <t>FR81483-HDTX</t>
  </si>
  <si>
    <t>21:10:00</t>
  </si>
  <si>
    <t>Le safari fabuleux/Un chapeau pour Mickey/La belle vie</t>
  </si>
  <si>
    <t>FR81484-HDTX</t>
  </si>
  <si>
    <t>21:20:00</t>
  </si>
  <si>
    <t>Le marché flottant/Toi, moi... et Fifi/Mon petit jardin</t>
  </si>
  <si>
    <t>FR81485-HDTX</t>
  </si>
  <si>
    <t>Effet Boomerang !/Le Meilleur Méchant/Tricher n'est pas jouer</t>
  </si>
  <si>
    <t>FR81486-HDTX</t>
  </si>
  <si>
    <t>101, RUE DES DALMATIENS</t>
  </si>
  <si>
    <t>Le Jour de la Soif / Léonarchiot Da Vinci</t>
  </si>
  <si>
    <t>Les Dalma-chiots vont se baigner dans l'étang le jour le plus chaud de l'année. Da Vinci fait de la peinture dans la rue, ce qui fait sensation chez les humains.</t>
  </si>
  <si>
    <t>Royaume-Uni</t>
  </si>
  <si>
    <t>FR62067-HDTX</t>
  </si>
  <si>
    <t>Londres, nous avons un problème : 1e partie et 2e partie</t>
  </si>
  <si>
    <t>Hunter et Dylan deviennent amis après avoir découvert leur passion commune pour les activités spatiales.</t>
  </si>
  <si>
    <t>FR62068-HDTX</t>
  </si>
  <si>
    <t>Le cauchemar !</t>
  </si>
  <si>
    <t>Réalisateur: Matt Youngberg, Réalisateur: Francisco AngonesRéalisateur: Francisco Angones, Réalisateur: Matt Youngberg</t>
  </si>
  <si>
    <t>Les enfants traversent un rêve qui tourne au cauchemar, et Lena craint de devenir comme sa tante diabolique, Miss Tick.</t>
  </si>
  <si>
    <t>FR62639-HDTX</t>
  </si>
  <si>
    <t>L'Armurerie Dorée de Cornélius Écoutum !</t>
  </si>
  <si>
    <t>Réalisateur: Francisco Angones, Réalisateur: Matt YoungbergRéalisateur: Francisco Angones, Réalisateur: Matt Youngberg</t>
  </si>
  <si>
    <t>Zaza et les garçons sont à la recherche d'un trésor perdu alors que les Rapetou sont sur leurs traces. Della enseigne à Flagada comment piloter un avion.</t>
  </si>
  <si>
    <t>FR62640-HDTX</t>
  </si>
  <si>
    <t>Prête à régner</t>
  </si>
  <si>
    <t>Réalisateur: Elliott M. Bour, Réalisateur: Elliot BourRéalisateur: Elliot Bour</t>
  </si>
  <si>
    <t>Le jour de son couronnement, la princesse Elena doit secourir sa sœur retenue prisonnière à bord d'un bateau volé.</t>
  </si>
  <si>
    <t>FR30410-HDTX</t>
  </si>
  <si>
    <t>Une sœur modèle</t>
  </si>
  <si>
    <t>Réalisateur: Elliot Bour, Réalisateur: Elliot M BourRéalisateur: Elliot Bour</t>
  </si>
  <si>
    <t>Elena doit faire un choix douloureux : tenir la promesse faite à sa sœur ou accomplir son devoir.</t>
  </si>
  <si>
    <t>FR30411-HDTX</t>
  </si>
  <si>
    <t>06:45:00</t>
  </si>
  <si>
    <t>Caméléon</t>
  </si>
  <si>
    <t>Quand Lila revient au collège, elle parvient à manipuler les élèves comme les professeurs pour que tout le monde se plie à la moindre de ses exigences. Tout le monde… sauf Marinette et Adrien, qui ne sont pas dupes. Lorsqu’ils la confrontent à ses propres mensonges, Lila, vexée, demande au Papillon de l’akumatiser. Devenue Caméléon, elle peut prendre l’apparence de n’importe qui… et compte bien profiter de ce pouvoir pour détruire Ladybug, qui a été la première à la démasquer et qu’elle juge responsable de tous ses problèmes.</t>
  </si>
  <si>
    <t>FR84346-HDTX</t>
  </si>
  <si>
    <t>Animaestro</t>
  </si>
  <si>
    <t>Les parents de Marinette assurent le buffet pour l’avant-première du film Ladybug et Chat Noir, à laquelle le Tout-Paris est invité… y compris Adrien ! Marinette décide de s’y rendre en prétextant aider ses parents, bien décidée à profiter de l’événement pour offrir un macaron spécial à Adrien et lui montrer combien il compte pour elle. Mais sur place, personne ne reconnaît le réalisateur du film, qui se fait traiter comme un parfait inconnu et finit par perdre patience.</t>
  </si>
  <si>
    <t>FR76941-HDTX</t>
  </si>
  <si>
    <t>07:35:00</t>
  </si>
  <si>
    <t>Boulangerix</t>
  </si>
  <si>
    <t>Aujourd’hui, c’est l’anniversaire de Tom, le papa de Marinette. Sabine invite le père de Tom, Roland, à venir fêter l’événement avec eux, mais Roland refuse : cela fait 20 ans qu’il n’est pas sorti de chez lui, et il ne veut pas que cela change. Pour faire plaisir à son père, Marinette décide d’aller rencontrer son grand-père pour le persuader de se joindre à eux. Mais une fois sur place, Marinette n’ose pas se présenter, intimidée par le vieil homme bougon et têtu, et finit par lui mentir sur son identité.</t>
  </si>
  <si>
    <t>FR84347-HDTX</t>
  </si>
  <si>
    <t>Licorne s'invite à la fête ! / Licorne à la mer !</t>
  </si>
  <si>
    <t>Alice a planifié tous les détails de sa fête d’anniversaire à la perfection… jusqu’à ce qu’une drôle de licorne arrive à l’improviste en affirmant être le meilleur ami d’Alice ! / Alice veut profiter de sa sortie scolaire à l’aquarium pour être embauchée comme guide, mais Licorne gâche tout en tentant de trouver une vraie sirène.</t>
  </si>
  <si>
    <t>FR63171-HDTX</t>
  </si>
  <si>
    <t>08:20:00</t>
  </si>
  <si>
    <t>Licorne enquête ! / Licorne déménage !</t>
  </si>
  <si>
    <t>Lorsque la figurine d’Alice à l’effigie de l’inspecteur Brioche disparaît mystérieusement, Alice et Licorne décident de prendre l’enquête en main et de résoudre l’affaire. / Lorsque Licorne s’en va pour le week-end, Alice profite de la tranquillité… jusqu’à ce qu’elle voie Licorne s’amuser avec Pixie. Elle se demande si elle a perdu son meilleur ami.</t>
  </si>
  <si>
    <t>FR63204-HDTX</t>
  </si>
  <si>
    <t>08:45:00</t>
  </si>
  <si>
    <t>SADIE SPARKS</t>
  </si>
  <si>
    <t>L'épreuve de Blaine / Mémoires de maman</t>
  </si>
  <si>
    <t>Réalisateur: Olivier Lelardoux, Réalisateur: Bronagh O'HanlonRéalisateur: Olivier Lelardoux, Réalisateur: Bronagh O'Hanlon</t>
  </si>
  <si>
    <t>Sadie et Blaine s'entraînent à jeter des sorts de lévitation dans la forêt quand Zaine, le cousin super cool de Blaine se pointe.Il propose à son jeune cousin Blaine de l'aider à développer ses pouvoirs. / Selina est furieuse. En rentrant à la maison, elle découvre les murs de sa cuisine recouverts d'une mixture orange. Sadie lancera un sort à sa mère pour lui effacer sa mémoire.</t>
  </si>
  <si>
    <t>FR61470-HDTX</t>
  </si>
  <si>
    <t>09:10:00</t>
  </si>
  <si>
    <t>Go Gilbert Go / Le vengeur mystérieux</t>
  </si>
  <si>
    <t>La ville de Harmony accueille bientôt un grand tournoi de basketball, avec plusieurs matchs sur un ou deux jours. Problème : Gilbert qui est habituellement présent pour que les joueurs touchent sa tête en guise de porte-bonheur ne peut pas venir à cause d'une mission que lui ont confiée les Anciens. / Quand Val et les jumelles se moquent de Teepee en cours de sport, Sadie est furieuse et elle veut venger son ami en utilisant la magie. Mais Gilbert le lui interdit. Il raconte sa frustration à un nain de jardin qui s'avère être une créatue maléfique.</t>
  </si>
  <si>
    <t>FR61471-HDTX</t>
  </si>
  <si>
    <t>09:35:00</t>
  </si>
  <si>
    <t>Le Joyau de Maru</t>
  </si>
  <si>
    <t>Le jour de Día de los Muertos, Elena tente d’empêcher Victor et Carla de voler un puissant joyau maruvien.</t>
  </si>
  <si>
    <t>FR54795-HDTX</t>
  </si>
  <si>
    <t>Rivalité royale</t>
  </si>
  <si>
    <t>Réalisateur: Nathan Chew, Réalisateur: Robb PrattRéalisateur: Robb Pratt</t>
  </si>
  <si>
    <t>Alors qu'elle tente de créer des liens avec un royaume voisin, Elena se découvre un esprit de compétition lorsqu'elle est mise au défi par une autre princesse.</t>
  </si>
  <si>
    <t>FR54796-HDTX</t>
  </si>
  <si>
    <t>10:25:00</t>
  </si>
  <si>
    <t>La malédiction d'El Guapo</t>
  </si>
  <si>
    <t>Lorsque Gaby "emprunte" une épée ensorcelée, il adopte la personnalité prétentieuse de son ancien propriétaire.</t>
  </si>
  <si>
    <t>FR54797-HDTX</t>
  </si>
  <si>
    <t>10:45:00</t>
  </si>
  <si>
    <t>Climatika</t>
  </si>
  <si>
    <t>Aurore Boréale est la perdante d’un concours où les téléspectateurs devaient voter pour élire la nouvelle miss météo de la chaîne Kidz Plus. Akumatisée par Le Papillon, elle devient Climatika et se venge de tous ceux qui n’ont pas voté pour elle. Ladybug et Chat Noir vont devoir lutter contre son pouvoir qui plonge Paris dans un chaos météorologique.Journée orageuse pour Marinette ! Elle a la responsabilité de garder Manon, une petite fille qui met à mal son sens de l’autorité, alors qu’au même moment, Adrien, l’élu de son cœur, est en pleine séance photos au parc.</t>
  </si>
  <si>
    <t>PG19187-TX</t>
  </si>
  <si>
    <t>11:10:00</t>
  </si>
  <si>
    <t>11:35:00</t>
  </si>
  <si>
    <t>Portail magique</t>
  </si>
  <si>
    <t>Luz, une adolescente humaine pleine d’assurance, tombe accidentellement sur un portail permettant d’accéder à nouveau monde magique où elle se liera d’amitié avec une sorcière rebelle, Eda, et un guerrier adorable, King. Bien qu’elle n'ait aucun pouvoir magique, Luz poursuit son rêve de devenir une sorcière en servant d'apprentie à Eda au Manoir de la Chouette et trouve finalement une nouvelle famille dans un environnement improbable.</t>
  </si>
  <si>
    <t>FR80354-HDTX</t>
  </si>
  <si>
    <t>Les sorcières avant les enchanteurs</t>
  </si>
  <si>
    <t>Lorsqu'un ancien enchanteur donne un parchemin à Luz qui la conduira vers une quête mystique, elle se demande si elle est bien "l'être élu" ?</t>
  </si>
  <si>
    <t>FR83176-HDTX</t>
  </si>
  <si>
    <t>12:25:00</t>
  </si>
  <si>
    <t>Ladybug &amp; Chat Noir (Origines – Partie 1)</t>
  </si>
  <si>
    <t>C’est la rentrée, et cette année encore, Marinette se retrouve dans la classe de Chloé, dont elle est le souffre-douleur. Mais elle trouve une amie en Alya, une nouvelle élève dont elle admire le caractère fonceur.Adrien, célèbre mannequin, aimerait aller au collège comme tout le monde, mais son père autoritaire et surprotecteur le lui interdit. Devenir Chat Noir lui permettra de découvrir pour la première fois les joies de la liberté et de laisser l’adolescent énergique et facétieux qui est en lui s’exprimer pleinement.</t>
  </si>
  <si>
    <t>PG19211-TX</t>
  </si>
  <si>
    <t>Cœur De Pierre (Origines – Partie 2)</t>
  </si>
  <si>
    <t>Adrien décide de désobéir à son père et d’aller au collège pour la première fois. C’est là que Marinette le rencontre, mais un malentendu lui fait penser qu’Adrien ne vaut pas mieux que Chloé, avec qui il est ami.Nos collégiens n’ont pas le temps de faire connaissance car il leur faut affronter Cœur de Pierre, alias Ivan, akumatisé par Le Papillon. Si Adrien n’hésite pas un instant à se transformer en Chat Noir, Marinette manque de confiance en elle et ne veut plus être Ladybug.</t>
  </si>
  <si>
    <t>PG19203-TX</t>
  </si>
  <si>
    <t>13:15:00</t>
  </si>
  <si>
    <t>LES GREEN À BIG CITY</t>
  </si>
  <si>
    <t>Cricket, star de la pub / Problème de voiture</t>
  </si>
  <si>
    <t>Cricket doit tenir un rôle important dans la nouvelle publicité de Big Café mais il perd confiance en lui. Bill échange sa vieille voiture contre un modèle high-tech qui n'est pas à la hauteur de ses espérances.</t>
  </si>
  <si>
    <t>FR70934-HDTX</t>
  </si>
  <si>
    <t>Légende urbaine / La fontaine à vœux</t>
  </si>
  <si>
    <t>Grand-mère fait croire aux voisins qu'elle est une sorcière et Bill organise un barbecue. Cricket escroque Tilly avec une fontaine à vœux et a un cas de conscience, il doit faire un choix.</t>
  </si>
  <si>
    <t>FR70935-HDTX</t>
  </si>
  <si>
    <t>14:05:00</t>
  </si>
  <si>
    <t>Joyeux Noël</t>
  </si>
  <si>
    <t>La veille de Noël, Tilly aide Cricket à racheter toutes ses mauvaises actions de l'année pour avoir une chance de recevoir un cadeau. Pendant ce temps, Grand-Mère et Nancy tentent de trouver un cadeau pour Bill.</t>
  </si>
  <si>
    <t>FR70936-HDTX</t>
  </si>
  <si>
    <t>ZIP ZIP S2</t>
  </si>
  <si>
    <t>On Ne Négocie Pas Avec Les Souris</t>
  </si>
  <si>
    <t>Réalisateur: Lionel AllaixRéalisateur: Lionel Allaix</t>
  </si>
  <si>
    <t>Les Sauvages découvrent l'existence de Croquette, la souris qui vit chez les Livingstone ! Croquette a un deal avec Victoria : en échange d'un gros morceau de fromage de choix, elle laisse la famille tranquille pour l'année. Mais cette fois, Croquette en veut plus ! A Victoria qui refuse de négocier, Croquette fait du chantage. Soit ils acceptent son offre, soit elle se débrouille pour que les Livingstone découvrent que quelque chose cloche avec Sam... Foi de souris, il ne peut pas être un vrai chat et elle va le prouver !</t>
  </si>
  <si>
    <t>12min</t>
  </si>
  <si>
    <t>FR68842-HDTX</t>
  </si>
  <si>
    <t>14:35:00</t>
  </si>
  <si>
    <t>Retour A La Nature</t>
  </si>
  <si>
    <t>Quand les Livingstone découvrent le bazar qu’ont mis leurs animaux de compagnie en jouant dans la maison, ils décident de les emmener en forêt pour s’y dégourdir les pattes. Inquiet de retomber sur l’ours Mitch, Washington a une idée : ils vont épuiser les Livingstone pour rentrer à la maison le plus vite possible… Mais les Livingstone, voyant leurs chères boules de poils se démener sans compter, pensent qu’ils sont ravis et décident de passer tout le week-end en forêt ! Finies les joies de la vie domestique, bonjour le retour à la vie sauvage..</t>
  </si>
  <si>
    <t>FR68843-HDTX</t>
  </si>
  <si>
    <t>Les Mouches</t>
  </si>
  <si>
    <t>En prenant un bain de boue, Sam se retrouve suivi d'une mouche ! Puis de deux, quatre, huit… Il se prend au jeu, il adore ses mouches et elles le lui rendent bien ! Mais les Livingstone commencent à se poser des questions : un chat qui attire autant de mouches doit être malade. Avant qu'ils n'appellent le véto, Washington doit convaincre Sam de se débarrasser de ses mouches... Mais ces dernières ont bien décidé de ne pas quitter leur nouvel ami d'un battement d'ailes.</t>
  </si>
  <si>
    <t>FR68844-HDTX</t>
  </si>
  <si>
    <t>Maître Poppy</t>
  </si>
  <si>
    <t>Les Livingstone ont adopté Poppy, un nouveau chiot trop « choupinet »... En apparence ! Car très vite, ce dernier annonce la couleur à Washington : il n'y a de place que pour un seul chien dans cette maison et ce sera lui ! Le problème, c'est que le reste de la bande ne veut pas croire Washington.Ce chiot semble si mignon... Jusqu'au moment où Poppy montre son vrai visage...</t>
  </si>
  <si>
    <t>FR68845-HDTX</t>
  </si>
  <si>
    <t>DISNEY MICKEY MOUSE</t>
  </si>
  <si>
    <t>Le plus beau des rêves / Ensemble pour Toujours / ...</t>
  </si>
  <si>
    <t>Retrouvez une compilation d'épisodes de la saison 4 de Mickey Mouse</t>
  </si>
  <si>
    <t>FR63275-HDTX</t>
  </si>
  <si>
    <t>Rencontre Sportive / Carnaval / A table les oiseaux</t>
  </si>
  <si>
    <t>Retrouvez une compilation des épisodes de la saison 4 de Mickey Mouse</t>
  </si>
  <si>
    <t>FR63276-HDTX</t>
  </si>
  <si>
    <t>Abeille et Toile de Maître / Le Plan d'eau / L'année du chien</t>
  </si>
  <si>
    <t>FR63277-HDTX</t>
  </si>
  <si>
    <t>Les Bonnes Manières / ...</t>
  </si>
  <si>
    <t>FR63278-HDTX</t>
  </si>
  <si>
    <t>15:55:00</t>
  </si>
  <si>
    <t>Reflekta</t>
  </si>
  <si>
    <t>Juleka, n’a jamais réussi à être présente sur la photo de classe, victime depuis toujours d’une « malédiction ». Cette année, Marinette a décidé de l’aider à déjouer cette malchance. Mais c’était sans compter sur Chloé, qui se débrouille pour écarter Juleka de la séance photo. Marinette décide alors de faire disparaître le cliché qui a été pris pour obliger le photographe à le refaire et réconforter Juleka.</t>
  </si>
  <si>
    <t>PG19208-TX</t>
  </si>
  <si>
    <t>La Marionnettiste</t>
  </si>
  <si>
    <t>Marinette garde une nouvelle fois la petite Manon, pour qui elle a fabriqué des poupées à l’effigie de Ladybug, Chat Noir et quelques célèbres méchants. Mais suite à un malentendu, Manon est injustement accusée d’avoir volé une poupée à Marinette et se fait akumatiser. Devenue La Marionnettiste, elle donne vie aux poupées des méchants et compte bien s’emparer de celles de Ladybug et Chat Noir pour pouvoir les contrôler et donner leurs Miraculous au Papillon.</t>
  </si>
  <si>
    <t>PG19205-TX</t>
  </si>
  <si>
    <t>Pari risqué, pari piégé</t>
  </si>
  <si>
    <t>Luz découvre un aspect inattendu de l'école quand Gus l'invite au Club des Amateurs d'Humains.</t>
  </si>
  <si>
    <t>FR83749-HDTX</t>
  </si>
  <si>
    <t>Miraculeur</t>
  </si>
  <si>
    <t>Quand le Papillon et Mayura lancent un nouveau sentimonstre dans Paris, Chloé est persuadée que Ladybug et Chat Noir vont faire appel à Queen Bee pour les aider à l’affronter. Impatiente, elle les attend comme elle le fait depuis des mois sur le toit du Palace, prête à recevoir le Miraculous de l’abeille… mais en vain. Sabrina tente de la réconforter mais Chloé, très déçue, passe sa frustration sur son amie. Jalouse que Chloé n’ait d’yeux que pour Ladybug, Sabrina se fait akumatiser. Devenue Miraculeur, elle peut voler leurs pouvoirs aux super-héros…</t>
  </si>
  <si>
    <t>FR84350-HDTX</t>
  </si>
  <si>
    <t>Nouveau</t>
  </si>
  <si>
    <t>17:55:00</t>
  </si>
  <si>
    <t>MIRACULOUS : LE JOUR DES HÉROS</t>
  </si>
  <si>
    <t>44min</t>
  </si>
  <si>
    <t>FR70445-HDTX</t>
  </si>
  <si>
    <t>18:45:00</t>
  </si>
  <si>
    <t>Une petite sœur inventive</t>
  </si>
  <si>
    <t>Isabel embarque clandestinement pour une mission dangereuse avec Elena et ses amis. Elle veut leur prouver qu'elle peut faire partie de l'équipe.</t>
  </si>
  <si>
    <t>FR71250-HDTX</t>
  </si>
  <si>
    <t>19:10:00</t>
  </si>
  <si>
    <t>Au secours d'un oiseau soleil</t>
  </si>
  <si>
    <t>Elena tente de sauver l'oiseau soleil qui a réparé son sceptre.</t>
  </si>
  <si>
    <t>FR71251-HDTX</t>
  </si>
  <si>
    <t>19:35:00</t>
  </si>
  <si>
    <t>Chef Papa</t>
  </si>
  <si>
    <t>Le jour de la nomination du nouveau chef des jagons, Migs doit emmener ses trois enfants avec lui.</t>
  </si>
  <si>
    <t>FR71252-HDTX</t>
  </si>
  <si>
    <t>HÔTEL TRANSYLVANIE - LA SÉRIE</t>
  </si>
  <si>
    <t>Cauchemar nuptial</t>
  </si>
  <si>
    <t>Le père de Wendy et la mère de Pedro vont se marier et Mavis leur a promis que l'Hôtel Transylvannie leur organiserai le meilleur mariage de tous les temps !</t>
  </si>
  <si>
    <t>FR78076-HDTX</t>
  </si>
  <si>
    <t>Portrait de Mavis en jeune vampire / Amours gluantes</t>
  </si>
  <si>
    <t>Mavis est tellement excitée qu'elle va enfin faire accrocher son portrait dans le Hall of Draculas. Wendy n'a jamais eu le béguin, alors Mavis veut l'aider à en trouver un.</t>
  </si>
  <si>
    <t>FR75297-HDTX</t>
  </si>
  <si>
    <t>20:45:00</t>
  </si>
  <si>
    <t>Soirée jeu !</t>
  </si>
  <si>
    <t>La soirée jeu en famille qui s'annonçait tranquille tourne au cauchemar, toute la famille devra affronter des rayons rétrécisseurs, une civilisation secrète et Picsou lancé dans une compétition déloyale pour gagner.</t>
  </si>
  <si>
    <t>FR62621-HDTX</t>
  </si>
  <si>
    <t>21:50:00</t>
  </si>
  <si>
    <t>La ballade de Duke Baleineau</t>
  </si>
  <si>
    <t>Loulou et Zaza enquêtent sur un adorable pêcheur qui pourrait bien être Archibald Gripsou.</t>
  </si>
  <si>
    <t>FR62623-HDTX</t>
  </si>
  <si>
    <t>22:15:00</t>
  </si>
  <si>
    <t>Le meilleur ami du chien / La nuit qui fait "Boum !"</t>
  </si>
  <si>
    <t>En voyant l'humain de compagnie de Clarissa aider celle-ci, Dylan se demande s'il ne devrait pas lui aussi en avoir un. Lors de la nuit la plus effrayante de l'année pour les chiens, Doug interdit à tous ses chiots de sortir.</t>
  </si>
  <si>
    <t>FR79057-HDTX</t>
  </si>
  <si>
    <t>22:35:00</t>
  </si>
  <si>
    <t>Le pouvoir aux chiots / Un chien royal</t>
  </si>
  <si>
    <t>Pour savoir qui doit s'occuper des chiots, Dolly et Dylan décident que leurs frères et sœurs doivent voter. Dylan découvre qu'il descend d'un roi.</t>
  </si>
  <si>
    <t>FR79059-HDTX</t>
  </si>
  <si>
    <t>VIOLETTA</t>
  </si>
  <si>
    <t>Épisode 89</t>
  </si>
  <si>
    <t>89</t>
  </si>
  <si>
    <t>Réalisateur: Martin Saban, Réalisateur: Jorge Nisco, Interprète: Alba Rico, Interprète: Diego Dominguez Llort, Interprète: Martina Stoessel, Interprète: Florencia Benitez, Interprète: Candelaria Molfese, Interprète: Rodrigo Pedreira, Interprète: Valentina Frione, Interprète: Mercedes Lambre, Interprète: Facundo Gambande, Interprète: Nicolas Garnier, Interprète: Joaquin Berthold, Interprète: Alberto Fernandez De Rosa, Interprète: Clara Alonso, Interprète: Alberto Allende, Interprète: Jorge Blanco, Interprète: Ezequiel Rodriguez, Interprète: Lodovica Comello, Interprète: Pablo Sultani, Interprète: Mirta Wons, Interprète: Samuel Nascimento, Interprète: Diego RamosRéalisateur: Jorge Nisco, Réalisateur: Martin Saban, Interprète: Diego Dominguez Llort, Interprète: Lodovica Comello, Interprète: Mercedes Lambre, Interprète: Mirta Wons, Interprète: Facundo Gambande, Interprète: Samuel Nascimento, Interprète: Joaquin Berthold, Interprète: Alberto Fernandez De Rosa, Interprète: Martina Stoessel, Interprète: Florencia Benitez, Interprète: Candelaria Molfese, Interprète: Rodrigo Pedreira, Interprète: Valentina Frione, Interprète: Jorge Blanco, Interprète: Ezequiel Rodriguez, Interprète: Pablo Sultani, Interprète: Nicolas Garnier, Interprète: Diego Ramos, Interprète: Clara Alonso, Interprète: Alba Rico, Interprète: Alberto Allende</t>
  </si>
  <si>
    <t>Olga surprend Esmeralda dans la chambre de Violetta au moment où cette dernière est sur le point de remettre le journal de Maria à sa place. Pablo demande à Angie d’organiser un petit concert pour Monsieur le Maire et sa fille, au grand regret de Gregorio.</t>
  </si>
  <si>
    <t>Espagne</t>
  </si>
  <si>
    <t>2013</t>
  </si>
  <si>
    <t>43min</t>
  </si>
  <si>
    <t>FJ75568-TX</t>
  </si>
  <si>
    <t>L’île de jouvence</t>
  </si>
  <si>
    <t>Réalisateur: Elliot BourRéalisateur: Elliot Bour</t>
  </si>
  <si>
    <t>Elena doit sauver Esteban qui a bu trop d'eau de la Fontaine de Jouvence afin de rajeunir.</t>
  </si>
  <si>
    <t>FR30413-HDTX</t>
  </si>
  <si>
    <t>Le Sortilège</t>
  </si>
  <si>
    <t>Réalisateur: Robb Pratt, Réalisateur: Elliot BourRéalisateur: Elliot Bour</t>
  </si>
  <si>
    <t>Un ensorceleur a changé tous les membres de la famille d'Elena en statues de pierre. Elena va aider Mateo, le nouveau magicien de la cour, à les sauver.</t>
  </si>
  <si>
    <t>FR30414-HDTX</t>
  </si>
  <si>
    <t>Je ne suis pas un bébé, Licorne ! / Licorne au camping !</t>
  </si>
  <si>
    <t>Quand Licorne se vante à Alice d’être doué comme nounou, Alice décide de lui rendre la tâche difficile. / Alice et sa famille font un séjour en forêt sans technologie moderne, mais se perdent à cause de Licorne.</t>
  </si>
  <si>
    <t>FR63228-HDTX</t>
  </si>
  <si>
    <t>Licorne champion de foot ! / Licorne aux fourneaux !</t>
  </si>
  <si>
    <t>Licorne joue au foot dans l’équipe d’Alice, mais son manque de talent nuit à tout le monde. Lorsqu’il est échangé dans une équipe rivale, il devient un adversaire redoutable ! / Lorsqu’un chef renommé donne des leçons privées à Alice et ses amis, tout le monde est emballé… mais Licorne se méprend sur le menu et croit qu’on veut le faire cuire !</t>
  </si>
  <si>
    <t>FR63231-HDTX</t>
  </si>
  <si>
    <t>Cupcake Révolution / Tous au lit</t>
  </si>
  <si>
    <t>Réalisateur: Olivier Lelardoux, Réalisateur: Bronagh O'HanlonRéalisateur: Bronagh O'Hanlon, Réalisateur: Olivier Lelardoux</t>
  </si>
  <si>
    <t>Sadie et ses amis préparent des tonnes de cupcakes ! Mais Sadie remarque alors qu'elle a perdu sa bague, les trois amis se mettent à détruire toutes leurs belles pâtisseries. Pourquoi n'utiliserait-elle pas le sort de duplication pour répliquer le dernier cupcake ? / Sadie est super fière : on lui a confié la garde de Luke, le petit frère de Sam. Mais Luke est un peu pénible et lorsqu'il se met à pleurer, ni Sadie ni aucun de ses amis ne sait comment s'y prendre pour le calmer. Gilbert, qui ne supporte pas les cris de l'enfant, pousse Sadie à utiliser un léger sort de sommeil.</t>
  </si>
  <si>
    <t>FR61472-HDTX</t>
  </si>
  <si>
    <t>Manuel d'arnaques avancées / La montre monstrueuse</t>
  </si>
  <si>
    <t>Réalisateur: Bronagh O'Hanlon, Réalisateur: Olivier LelardouxRéalisateur: Bronagh O'Hanlon, Réalisateur: Olivier Lelardoux</t>
  </si>
  <si>
    <t>Sadie et Blaine se battent pour un grimoire qui finit par s'ouvrir. Surprise ! Le grimoire parle ! Ce que Sadie et Blaine ignorent, c'est qu'un magicien particulièrement pénible est emprisonné dans ce livre et que celui-ci est utilisé aujourd'hui par les mentors des jeunes apprentis sorciers pour punir leurs élèves trop impulsifs. / Un jour, Teepee n'arrive pas à ouvrir son casier et Sadie utilise la magie pour l'aider. Malheureusement, Teepee constate que la précieuse montre de son grand-père a disparu. Sadie se dit qu'elle a dû l'envoyer par mégarde dans le Labyrinthe.</t>
  </si>
  <si>
    <t>FR61473-HDTX</t>
  </si>
  <si>
    <t>Trois jagons et une princesse</t>
  </si>
  <si>
    <t>Alors qu'Isabel tente de prouver qu'elle peut prendre soin de trois bébés jagons toute seule, ils parviennent à s'échapper. Isabel doit alors les retrouver avant le retour de leurs parents.</t>
  </si>
  <si>
    <t>FR54798-HDTX</t>
  </si>
  <si>
    <t>Une espionne au palais</t>
  </si>
  <si>
    <t>Carla, qui a changé d’apparence, s’infiltre dans le palais pour tenter de voler le diadème de la mère d’Elena.</t>
  </si>
  <si>
    <t>FR54799-HDTX</t>
  </si>
  <si>
    <t>Esprit d'équipe</t>
  </si>
  <si>
    <t>Pour participer à une exposition de science, Isabel doit travailler avec ses amis mais elle ignore les conseils d'Elena sur le travail en équipe et décide de créer son invention toute seule.</t>
  </si>
  <si>
    <t>FR54800-HDTX</t>
  </si>
  <si>
    <t>Abomination abominable</t>
  </si>
  <si>
    <t>Luz se glisse dans l'école de magie pour aider une nouvelle amie et se fait des ennemis en chemin.</t>
  </si>
  <si>
    <t>FR80366-HDTX</t>
  </si>
  <si>
    <t>L'intrus</t>
  </si>
  <si>
    <t>Luz et King doivent protéger le manoir d'un mystérieux intrus.</t>
  </si>
  <si>
    <t>20min</t>
  </si>
  <si>
    <t>FR80367-HDTX</t>
  </si>
  <si>
    <t>Le Mime</t>
  </si>
  <si>
    <t>Catastrophe ! Marinette a effacé sans le vouloir une vidéo qu’Alya avait faite de Ladybug et où cette dernière la complimentait pour le Ladyblog ! Pensant qu’Alya sera furieuse, Marinette décide de lui cacher la vérité et de se transformer en Ladybug pour tourner à nouveau le film effacé. Mais son plan est compromis lorsqu’un nouveau vilain apparaît.</t>
  </si>
  <si>
    <t>PG19199-TX</t>
  </si>
  <si>
    <t>Princesse Fragrance</t>
  </si>
  <si>
    <t>La journée commence mal pour Marinette : non seulement Tikki est très malade, mais à force de repousser le moment de la faire soigner, notre héroïne finit par la perdre par négligence ! Pendant ce temps, Rose, une élève du collège très romantique, est akumatisée par Le Papillon. Devenue Princesse Fragrance et armée de son flacon de parfum, elle sème une pagaille parfumée dans toute la capitale et enlève l’élu de son cœur, un prince en visite à Paris.Chat Noir s’étant fait envoûter par Princesse Fragrance, c’est à Ladybug d’affronter seule la méchante… et Chat Noir !</t>
  </si>
  <si>
    <t>PG19201-TX</t>
  </si>
  <si>
    <t>Ascenseur en panne / Mauvaise influence</t>
  </si>
  <si>
    <t>Gloria est coincée dans un ascenseur avec la famille Green. Remy se fait avoir par un influenceur qui fait le buzz sur les réseaux sociaux et Tilly poste des vidéos avec Bill.</t>
  </si>
  <si>
    <t>FR70937-HDTX</t>
  </si>
  <si>
    <t>Le boulet de la réconciliation / Sortie en boîte</t>
  </si>
  <si>
    <t>Chip Whistler revient se venger des Green mais il est forcé de s'excuser. Andromeda et Tilly suivent Gloria en boîte de nuit où elles doivent "soigner" son amnésie.</t>
  </si>
  <si>
    <t>FR70938-HDTX</t>
  </si>
  <si>
    <t>Cricket superstar / Le stage de football</t>
  </si>
  <si>
    <t>Cricket est confondu avec une pop star disparue et profite de la situation pour goûter à la gloire. Cricket accompagne Remy faire un stage de football pour qu'il impressionne son père.</t>
  </si>
  <si>
    <t>FR70939-HDTX</t>
  </si>
  <si>
    <t>Les reines du déguisement</t>
  </si>
  <si>
    <t>Washington se targue d’être le roi du déguisement : il est devenu tellement doué dans l’art du camouflage que tout le monde le prend pour un vrai chien !</t>
  </si>
  <si>
    <t>FR68846-HDTX</t>
  </si>
  <si>
    <t>Sam-Nésique</t>
  </si>
  <si>
    <t>En faisant une course à la croquette dans le salon, Sam se cogne la tête. A son réveil, il est persuadé d'être un chat et a oublié qu'il était en fait un sanglier ! Dès lors, il prend des risques auprès des Livingstone sans avoir conscience qu'il risque de dévoiler son identité. Washington et les autres vont devoir trouver un moyen de lui faire retrouver la mémoire, et vite !</t>
  </si>
  <si>
    <t>FR68847-HDTX</t>
  </si>
  <si>
    <t>Maison sous haute connexion</t>
  </si>
  <si>
    <t>Les Livingstone ont installé un système électronique qui permet de contrôler toute la maison ! Aussitôt seul, Washington se jette sur le panneau de contrôle, persuadé qu'il va pouvoir améliorer le quotidien de ses amis ! Mais non seulement il dérègle toute la maison, mais en plus, la joyeuse bande termine enfermée dehors et sans costumes, tandis qu'une alarme se met en route !</t>
  </si>
  <si>
    <t>FR68848-HDTX</t>
  </si>
  <si>
    <t>La Baballe D'Or</t>
  </si>
  <si>
    <t>Victoria a gagné le dernier tournoi du plus terrifiant miaulement du quartier et protège jalousement son trophée : une baballe d'or. En voulant juste le voir de près, Sam, Washington et les filles perdent le précieux objet ! Ils n'ont plus d'autre choix que de présenter Sam au prochain tournoi ! Comment faire pour que Sam remporte le combat avant que Victoria ne découvre la disparition de sa baballe d'or ?</t>
  </si>
  <si>
    <t>FR68849-HDTX</t>
  </si>
  <si>
    <t>Les Merveilles de la nature / La croisière des amoureux / La chanson d'anniversaire</t>
  </si>
  <si>
    <t>Retrouvez les épisodes de la saison 4 de Mickey Mouse</t>
  </si>
  <si>
    <t>FR63279-HDTX</t>
  </si>
  <si>
    <t>L'échange de Corps / Opération sauvetage</t>
  </si>
  <si>
    <t>FR63280-HDTX</t>
  </si>
  <si>
    <t>Antibug</t>
  </si>
  <si>
    <t>Chloé, très grande admiratrice de Ladybug, essaie d’aider cette dernière à capturer l’akuma d’un méchant. Mais Ladybug refuse d’écouter ses conseils et le méchant s’échappe. Ladybug et Chat Noir finissent par l’arrêter, mais une dispute éclate entre Ladybug et Chloé, furieuse d’avoir été snobée par son idole.Déçue, Chloé est alors akumatisée en Antibug, un double maléfique de Ladybug ayant les mêmes pouvoirs qu’elle. Et Antibug compte bien faire payer Ladybug pour l’humiliation qu’elle lui a fait subir.</t>
  </si>
  <si>
    <t>PG19210-TX</t>
  </si>
  <si>
    <t>Volpina</t>
  </si>
  <si>
    <t>Marinette a une rivale au collège, une nouvelle élève qui s’appelle Lila et qui semble un peu trop s’intéresser à Adrien. La jeune fille raconte à ce dernier qu’elle en sait long sur les super héros, et même qu’elle connaît Ladybug ! Furieuse de voir qu’Adrien semble séduit, Marinette se transforme en Ladybug pour confondre Lila. Mais elle s’en fait une ennemie mortelle en l’humiliant devant Adrien.</t>
  </si>
  <si>
    <t>PG19212-TX</t>
  </si>
  <si>
    <t>Oblivio</t>
  </si>
  <si>
    <t>Quand Ladybug et Chat Noir reprennent conscience dans un ascenseur de la Tour Montparnasse, ils se rendent compte qu’ils ont perdu la mémoire. Ils se détransforment et redeviennent Marinette et Adrien l’un devant l’autre. Impossible pour leurs kwamis de les aider, car ils ont eux aussi tout oublié. Et Plagg, bien décidé à profiter de cette nouvelle liberté, les abandonne sur place ! Alors qu’ils tentent de rassembler les morceaux du puzzle, Marinette et Adrien s’aperçoivent qu’un mystérieux vilain rôde dans la Tour… Nos héros amnésiques parviendront-ils à retrouver la mémoire ?</t>
  </si>
  <si>
    <t>FR84351-HDTX</t>
  </si>
  <si>
    <t>18:20:00</t>
  </si>
  <si>
    <t>Rebrousse-temps</t>
  </si>
  <si>
    <t>Quand Marinette apprend qu’Adrien s’apprête à passer tout un week-end à Londres avec Kagami, elle décide de lui écrire une lettre pour lui avouer ses sentiments avant qu’il ne soit trop tard. Mais Maître Fu, malade, lui confie une ordonnance ainsi qu’une lettre pour Marianne, une vieille amie à qui il n’a pas su dire qu’il l’aimait. Marinette s’embrouille et confond les divers destinataires, donnant sa lettre pour Adrien à Marianne, qui interprète mal son contenu.</t>
  </si>
  <si>
    <t>FR84369-HDTX</t>
  </si>
  <si>
    <t>Leurs majestés rétrécissent</t>
  </si>
  <si>
    <t>Le premier Festin de l'Amitié organisé par Julio tourne au vinaigre et tous les convives rapetissent soudainement.</t>
  </si>
  <si>
    <t>FR71253-HDTX</t>
  </si>
  <si>
    <t>Le prix de la paix à Norberg</t>
  </si>
  <si>
    <t>Elena se rend à Norberg pour aider deux souverains à régler leurs différends.</t>
  </si>
  <si>
    <t>FR71254-HDTX</t>
  </si>
  <si>
    <t>La magie en moi, première partie</t>
  </si>
  <si>
    <t>La veille du carnaval, Elena tombe dans le puits aux cristaux et voit ses pouvoirs transformés et augmentés.</t>
  </si>
  <si>
    <t>FR71255-HDTX</t>
  </si>
  <si>
    <t>Têtes atroces / Vapeurs vampires</t>
  </si>
  <si>
    <t>Le comte Dracula fait toujours partie du Conseil des vampires, mais en son absence, il a réussi à exploiter la technologie des boules de cristal pour surveiller Mavis à l'Hôtel Transylvania. Mais cela ne signifie pas qu'elle ne peut pas déployer ses ailes de chauve-souris et commencer à expérimenter ses nouveaux pouvoirs et capacités. Maintenant qu'elle a eu sa Fangceañera et qu'elle a reçu sa cape, Mavis est en passe de devenir une force avec laquelle il faut compter dans le monde souterrain.</t>
  </si>
  <si>
    <t>FR75298-HDTX</t>
  </si>
  <si>
    <t>Poupée de rêve / Hypnosferatu</t>
  </si>
  <si>
    <t>FR75299-HDTX</t>
  </si>
  <si>
    <t>Le festin de la fleur !</t>
  </si>
  <si>
    <t>Donald retrouve les membres de son ancien groupe, les Trois Caballeros, pendant que sa famille visite une petite ville brésilienne abritant un terrible secret…</t>
  </si>
  <si>
    <t>FR62624-HDTX</t>
  </si>
  <si>
    <t>Le colocataire de Donald !</t>
  </si>
  <si>
    <t>Loulou recrute Hercule dans l'entreprise qu'il vient de monter. De son côté, Hercule affronte son plus grand défi : devenir le colocataire idéal de Donald.</t>
  </si>
  <si>
    <t>FR64013-HDTX</t>
  </si>
  <si>
    <t>Hors des sentiers battus / Peut contenir des noisettes...</t>
  </si>
  <si>
    <t>Dolly reproche à Dylan d'être un animal trop domestiqué. Il va lui montrer qu'il peut être un animal sauvage avec l'aide de Sid l'écureuil. Dolly admire l'agilité de Sid.</t>
  </si>
  <si>
    <t>FR79060-HDTX</t>
  </si>
  <si>
    <t>La fête foraine de l'hiver / Jour de neige</t>
  </si>
  <si>
    <t>Dolly organise une fête foraine de l'hiver dans la maison. Alors que la neige est tombée, qui, de Dolly et Dylan ou Papa et Maman arriveront à préparer en premier les chiots à sortir ?</t>
  </si>
  <si>
    <t>FR79061-HDTX</t>
  </si>
  <si>
    <t>Épisode 90</t>
  </si>
  <si>
    <t>90</t>
  </si>
  <si>
    <t>Réalisateur: Jorge Nisco, Réalisateur: Martin Saban, Interprète: Alberto Fernandez De Rosa, Interprète: Clara Alonso, Interprète: Alberto Allende, Interprète: Diego Dominguez Llort, Interprète: Jorge Blanco, Interprète: Ezequiel Rodriguez, Interprète: Lodovica Comello, Interprète: Pablo Sultani, Interprète: Mercedes Lambre, Interprète: Mirta Wons, Interprète: Facundo Gambande, Interprète: Samuel Nascimento, Interprète: Diego Ramos, Interprète: Alba Rico, Interprète: Martina Stoessel, Interprète: Florencia Benitez, Interprète: Candelaria Molfese, Interprète: Rodrigo Pedreira, Interprète: Valentina Frione, Interprète: Nicolas Garnier, Interprète: Joaquin BertholdRéalisateur: Martin Saban, Réalisateur: Jorge Nisco, Interprète: Facundo Gambande, Interprète: Nicolas Garnier, Interprète: Joaquin Berthold, Interprète: Alberto Fernandez De Rosa, Interprète: Clara Alonso, Interprète: Jorge Blanco, Interprète: Ezequiel Rodriguez, Interprète: Lodovica Comello, Interprète: Pablo Sultani, Interprète: Mirta Wons, Interprète: Samuel Nascimento, Interprète: Diego Ramos, Interprète: Alba Rico, Interprète: Alberto Allende, Interprète: Diego Dominguez Llort, Interprète: Martina Stoessel, Interprète: Florencia Benitez, Interprète: Candelaria Molfese, Interprète: Rodrigo Pedreira, Interprète: Valentina Frione, Interprète: Mercedes Lambre</t>
  </si>
  <si>
    <t>Diego assure à Violetta qu'il n'abandonne pas l'idée de devenir son copain. Cardoso essaie d'empêcher Andrès de se lier avec Emma. Elle visite le Studio en sa compagnie. Violetta, Francesca et Camila se réconcilient...</t>
  </si>
  <si>
    <t>42min</t>
  </si>
  <si>
    <t>FJ75569-TX</t>
  </si>
  <si>
    <t>ELENA ET LE SECRET D'AVALOR</t>
  </si>
  <si>
    <t>Sofia découvre que la princesse Elena est prisonnière de son amulette. Elle doit se rendre dans un lointain royaume afin de la libérer et de reprendre le royaume d'Avalor.</t>
  </si>
  <si>
    <t>60min</t>
  </si>
  <si>
    <t>FR32755-HDTX</t>
  </si>
  <si>
    <t>Silence</t>
  </si>
  <si>
    <t>Bob Roth, père et producteur du célèbre XY, lance un appel d’offre visant à trouver de nouveaux talents. Marinette y voit une occasion en or pour les Kitty Section de se faire connaître du grand public. Elle les aide donc à réaliser et envoyer un clip pour lequel elle crée elle-même les décors et les costumes. Mais bientôt, Marinette et ses amis s’aperçoivent que Bob Roth a volé les créations de Marinette pour son fils XY. Furieux pour celle dont il est amoureux, Luka est akumatisé par le Papillon.</t>
  </si>
  <si>
    <t>FR76942-HDTX</t>
  </si>
  <si>
    <t>11:15:00</t>
  </si>
  <si>
    <t>Oni-Chan</t>
  </si>
  <si>
    <t>Quand Lila manipule Adrien, son garde du corps et même Nathalie pour entrer chez les Agreste et passer un peu de temps avec Adrien, elle prend une photo d’eux deux pour immortaliser le moment. Marinette, qui les a suivis et espionnés depuis l’extérieur, est verte de jalousie. Mais ce n’est pas la seule…</t>
  </si>
  <si>
    <t>FR84349-HDTX</t>
  </si>
  <si>
    <t>Le Chevalier Noir</t>
  </si>
  <si>
    <t>Catastrophe ! En cherchant à ridiculiser Marinette pour l’empêcher d’être élue déléguée de classe, Chloé a mis la main sur son journal intime, dans lequel Marinette raconte tous ses secrets… y compris le fait qu’elle est Ladybug ! Marinette doit absolument le récupérer avant que Chloé ne puisse le lire !Mais avant qu’elle en ait le temps, le professeur d’escrime d’Adrien, battu aux élections municipales, est akumatisé et devient Le Chevalier Noir. Armé de son épée, il transforme les Parisiens en chevaliers pour prendre d’assaut l’Hôtel de Ville et en déloger le Maire Bourgeois.</t>
  </si>
  <si>
    <t>PG19198-TX</t>
  </si>
  <si>
    <t>Animan</t>
  </si>
  <si>
    <t>Alors qu’elle pense passer l’après-midi au zoo avec Nino et Adrien, Marinette se retrouve seule avec Nino. Ce dernier, amoureux d’elle et coaché à distance par Adrien, essaie de lui avouer ses sentiments. Mais, intimidé, il finit par lui dire qu’il aime Alya. Cette dernière coache également Marinette et entend tout. Malgré les réticences de sa meilleure amie, Marinette finit par proposer à Nino un rendez-vous avec Alya !</t>
  </si>
  <si>
    <t>PG19204-TX</t>
  </si>
  <si>
    <t>Un journal de bord de la marmotte commune, perdu depuis longtemps, conduit la famille Duck à la recherche des plus grands objets perdus au monde. Mais F.O.W.L., une organisation secrète du passé de Picsou, est sortie de l'ombre pour les arrêter à tout prix. La famille devra redoubler d'intelligente, de résistance et de précision pour affronter F.O.W.L. et sauver le monde !</t>
  </si>
  <si>
    <t>FR86521-HDTX</t>
  </si>
  <si>
    <t>Le défi des Castors junior senior !</t>
  </si>
  <si>
    <t>Riri affronte Violet dans un défi pour être nommé marmotte junior senior. Scrooge et la famille recherchent un trésor secret de marmotte.</t>
  </si>
  <si>
    <t>FR83520-HDTX</t>
  </si>
  <si>
    <t>Voyage temporel/Notre Mélodie du Bonheur</t>
  </si>
  <si>
    <t>FR81487-HDTX</t>
  </si>
  <si>
    <t>Ton amour me transporte !/En mille morceaux !/Pour qui sonne le péage</t>
  </si>
  <si>
    <t>FR81488-HDTX</t>
  </si>
  <si>
    <t>Le collectionneur</t>
  </si>
  <si>
    <t>Marinette rencontre Maître Fu. Ce dernier pense que le propriétaire du grimoire est peut-être également le Papillon. Elle finit par découvrir que le véritable propriétaire du grimoire est en réalité Gabriel Agreste, le père d’Adrien. Elle décide alors de se transformer en Ladybug pour mener l’enquête et découvrir si Gabriel est bien le Papillon. Mais lorsqu’elle arrive chez lui, le styliste s’est fait akumatiser.</t>
  </si>
  <si>
    <t>FR32401-HDTX</t>
  </si>
  <si>
    <t>Le premier jour</t>
  </si>
  <si>
    <t>C'est la rentrée des classes de Luz à l'école de magie et elle est aux anges. Mais quand on lui dit qu'elle ne peut étudier qu'un seul type de magie, elle ne peut pas choisir entre tous les cours sympas !</t>
  </si>
  <si>
    <t>FR88070-HDTX</t>
  </si>
  <si>
    <t>Desperada</t>
  </si>
  <si>
    <t>Lors d’une répétition des Kitty Section, Marinette et Luka se rapprochent, devenant de plus en plus complices. Mais quand Adrien et Kagami arrivent ensemble, Marinette, jalouse, oublie vite Luka. Et quand Jagged Stone vient chercher quelqu’un pour remplacer la guitariste qu’il a renvoyée ce matin, Marinette lui suggère Adrien le pianiste, plutôt que Luka… le guitariste ! Arrive alors Desperada, la guitariste de Jagged akumatisée après son renvoi. Avec sa guitare magique, elle transforme les gens en autocollants… et elle en a après Adrien, qu’elle prend pour son remplaçant !</t>
  </si>
  <si>
    <t>FR84352-HDTX</t>
  </si>
  <si>
    <t>La magie en moi, deuxième partie</t>
  </si>
  <si>
    <t>Grâce aux nouveaux pouvoirs d'Elena, le secret d'Esteban est dévoilé !</t>
  </si>
  <si>
    <t>FR71256-HDTX</t>
  </si>
  <si>
    <t>Capitaine Mateo</t>
  </si>
  <si>
    <t>L'amitié entre Gaby et Mateo est mise à l'épreuve lorsque Mateo est nommé capitaine de la Garde Royale.</t>
  </si>
  <si>
    <t>FR71257-HDTX</t>
  </si>
  <si>
    <t>Le Trésor Familial</t>
  </si>
  <si>
    <t>Elena et Isabel aident deux frères en conflit à trouver un précieux trésor caché par leur mère.</t>
  </si>
  <si>
    <t>FR71258-HDTX</t>
  </si>
  <si>
    <t>Amies d'outre-tombe / Défonce-panier</t>
  </si>
  <si>
    <t>FR75300-HDTX</t>
  </si>
  <si>
    <t>Beaux-parents monstrueux / Qui connaît le mieux Mavis ?</t>
  </si>
  <si>
    <t>FR75302-HDTX</t>
  </si>
  <si>
    <t>Le Hibou Noir</t>
  </si>
  <si>
    <t>Le proviseur du collège, Monsieur Damoclès, aime se déguiser en Hibou, un super-héros qu’il admire et dont il essaie d’imiter les prouesses. Malheureusement, M. Damoclès n’a pas l’habileté de son héros, et Ladybug et Chat Noir doivent souvent voler à son secours. Au cours d’une de ses missions, Ladybug et Chat Noir, en voulant l’aider, l’humilient involontairement en public.Honteux et furieux, M. Damoclès est akumatisé par le Papillon et devient le Hibou Noir.</t>
  </si>
  <si>
    <t>FR32413-HDTX</t>
  </si>
  <si>
    <t>Syren</t>
  </si>
  <si>
    <t>Alors que Kim s’amuse avec son amie Ondine à la piscine, cette dernière tente de lui avouer ses sentiments pour lui. Mais Kim ne comprend pas et abandonne Ondine pour rejoindre ses amis… et Chloé, dont il est amoureux !Ondine est akumatisée par le Papillon et devient Syren. Désormais dotée de nageoires et capable de respirer sous l’eau, Syren inonde Paris de ses larme.Ils vont découvrir que leurs kwamis peuvent leur donner des pouvoirs spéciaux. Ils deviennent alors Aquabug et Aquanoir, des versions aquatiques spéciales de nos héros capables de nager et respirer sous l’eau !</t>
  </si>
  <si>
    <t>FR32414-HDTX</t>
  </si>
  <si>
    <t>Le périple de Della Duck !</t>
  </si>
  <si>
    <t>Réalisateur: Matt Youngberg, Réalisateur: Francisco AngonesRéalisateur: Matt Youngberg, Réalisateur: Francisco Angones</t>
  </si>
  <si>
    <t>Seule, Della se bat pour survivre dans l'environnement hostile de la Lune. Arrivera-t-elle à retourner sur Terre et à retrouver sa famille ?</t>
  </si>
  <si>
    <t>FR62627-HDTX</t>
  </si>
  <si>
    <t>Amitiés surnaturelles !</t>
  </si>
  <si>
    <t>Coincée dans le royaume des ombres, Léna tente de protéger Zaza de son étrange nouvelle amie, Violette, au cours d'une soirée pyjama teintée de surnaturel.</t>
  </si>
  <si>
    <t>FR62628-HDTX</t>
  </si>
  <si>
    <t>L'union parfaite / Tout feu tout flamme</t>
  </si>
  <si>
    <t>Dylan est terrifié quand il se rend compte que la meilleure amie de Dolly, un rottweiler nommée Roxy, est amoureuse de lui. Dolly va travailler avec son père mais ce n'est pas aussi mouvementé qu'elle l'espérait.</t>
  </si>
  <si>
    <t>FR79062-HDTX</t>
  </si>
  <si>
    <t>Plagiat poétique / Coup de foudre</t>
  </si>
  <si>
    <t>Dolly prétend être l'auteur des poèmes de Dylan pour impressionner Hansel. Dylan se crée une nouvelle personnalité pour attirer l'attention de Portia.</t>
  </si>
  <si>
    <t>FR79063-HDTX</t>
  </si>
  <si>
    <t>Épisode 91</t>
  </si>
  <si>
    <t>91</t>
  </si>
  <si>
    <t>Réalisateur: Jorge Nisco, Réalisateur: Martin Saban, Interprète: Nicolas Garnier, Interprète: Joaquin Berthold, Interprète: Alberto Fernandez De Rosa, Interprète: Diego Ramos, Interprète: Clara Alonso, Interprète: Alberto Allende, Interprète: Diego Dominguez Llort, Interprète: Jorge Blanco, Interprète: Lodovica Comello, Interprète: Pablo Sultani, Interprète: Mercedes Lambre, Interprète: Mirta Wons, Interprète: Facundo Gambande, Interprète: Samuel Nascimento, Interprète: Alba Rico, Interprète: Martina Stoessel, Interprète: Florencia Benitez, Interprète: Candelaria Molfese, Interprète: Rodrigo Pedreira, Interprète: Valentina Frione, Interprète: Ezequiel RodriguezRéalisateur: Martin Saban, Réalisateur: Jorge Nisco, Interprète: Facundo Gambande, Interprète: Nicolas Garnier, Interprète: Joaquin Berthold, Interprète: Alberto Fernandez De Rosa, Interprète: Clara Alonso, Interprète: Jorge Blanco, Interprète: Ezequiel Rodriguez, Interprète: Lodovica Comello, Interprète: Pablo Sultani, Interprète: Mirta Wons, Interprète: Samuel Nascimento, Interprète: Diego Ramos, Interprète: Alba Rico, Interprète: Alberto Allende, Interprète: Diego Dominguez Llort, Interprète: Martina Stoessel, Interprète: Florencia Benitez, Interprète: Candelaria Molfese, Interprète: Rodrigo Pedreira, Interprète: Valentina Frione, Interprète: Mercedes Lambre</t>
  </si>
  <si>
    <t>German fait sortir tous les jeunes de chez lui. Roberto est plus que jamais amoureux de Jackie. Pour essayer de l’impressionner, il va changer de look. Finalement, il va embrasser la mère d’une élève en pensant que c’est Jackie. Andres voit toujours Ema.</t>
  </si>
  <si>
    <t>51min</t>
  </si>
  <si>
    <t>FJ75570-TX</t>
  </si>
  <si>
    <t>Un Prince Trop Charmant</t>
  </si>
  <si>
    <t>Réalisateur: Elliot Bour, Réalisateur: Nathan ChewRéalisateur: Elliot Bour</t>
  </si>
  <si>
    <t>En visite dans un royaume voisin, Elena se laisse convaincre par un prince un peu trop fainéant de laisser de côté ses obligations de princesse.</t>
  </si>
  <si>
    <t>FR30416-HDTX</t>
  </si>
  <si>
    <t>Le Club des Rois</t>
  </si>
  <si>
    <t>Réalisateur: Elliot Bour, Réalisateur: Robb PrattRéalisateur: Elliot Bour</t>
  </si>
  <si>
    <t>Elena participe à sa première retraite royale mais entre en conflit avec le roi Hector, chef autoproclamé du club, lorsqu'elle tente de réunir un petit animal marin et sa mère.</t>
  </si>
  <si>
    <t>FR30417-HDTX</t>
  </si>
  <si>
    <t>Maître Noël</t>
  </si>
  <si>
    <t>Alors que Marinette garde Noël, le petit frère de Nino, l’enfant découvre sa réserve de cadeaux pour Adrien. Très gênée, Marinette lui fait croire qu’elle est un lutin du Père Noël, et Noël demande à avoir son cadeau tout de suite. Quand Marinette refuse, Noël se fait akumatiser par le Papillon. Devenu Maître Noël et armé d’une boule à neige magique, il envoie des jouets géants semer le chaos dans un Paris enneigé pour retrouver le Père Noël et avoir son cadeau en avance. Ladybug et Chat Noir ne devront pas lui faire de cadeau s’ils veulent arrêter ce jeune super vilain !</t>
  </si>
  <si>
    <t>FR84353-HDTX</t>
  </si>
  <si>
    <t>Hue, Licorne ! Hue ! / Comment ça s'appelle, Licorne !</t>
  </si>
  <si>
    <t>Juste avant le début du concours de dressage, Licorne fait l'erreur d'envoyer le cheval d'Alice en vacances. Pour éviter la catastrophe, Licorne se propose pour le remplacer. / Lorsque Licorne décide de participer au concours d'orthographe, Alice et Ollie réalisent qu'il s'agit peut-être d'une grave A-I-R-E-U-R-E.</t>
  </si>
  <si>
    <t>FR63234-HDTX</t>
  </si>
  <si>
    <t>Licorne et la fanfare ! / Licorne au dojo !</t>
  </si>
  <si>
    <t>Lorsque Licorne s’enfuit avec la mascotte de l’équipe de football, Alice et la fanfare partent à sa recherche pour éviter qu’il ait de gros ennuis. / Alice est convaincue qu’elle va réussir son évaluation de karaté, mais Licorne lui cause des ennuis avec son enthousiasme démesuré.</t>
  </si>
  <si>
    <t>FR63237-HDTX</t>
  </si>
  <si>
    <t>Une vie de rêve / Le cœur léger</t>
  </si>
  <si>
    <t>Sadie et Gilbert reçoivent une boîte envoyée par les Anciens du royaume magique, avec l'instruction de ne l'ouvrir sous aucun prétexte. Mais Sadie ne peut pas résister à la tentation de savoir ce qu'elle contient. Toutefois, quand elle finit par l'ouvrir, la boîte semble vide. En réalité, celle-ci contenait une minuscule puce magique. / Lulu est triste, car elle a reçu une mauvaise note. Sadie lui lance un sort de bonne humeur pour l'aider à surmonter sa déception. Mais le sort tourne mal et les émotions de Lulu semblent maintenant affecter la gravité au sein du collège.</t>
  </si>
  <si>
    <t>FR61476-HDTX</t>
  </si>
  <si>
    <t>Gilbert crève l'écran / Le lutin-panzé</t>
  </si>
  <si>
    <t>Selina et Gilbert sont tous les deux fans du feuilleton télévisé « Les meilleurs ennemis ». Gilbert pousse alors Sadie à lancer un sortilège pour faire sortir l'acteur de la télévision afin que Selina puisse l'interroger. / Le chef de Selina demande à celle-ci de travailler son image à la télévision, elle doit avoir l'air plus souriante. Sadie essaie alors d'aider sa mère en lui lançant un sort. Malheureusement, il y avait une faute de frappe dans le grimoire de Gilbert et en récitant la formule, Sadie crée accidentellement un nouveau sortilège.</t>
  </si>
  <si>
    <t>FR61478-HDTX</t>
  </si>
  <si>
    <t>Le Retour de la Sorcière</t>
  </si>
  <si>
    <t>Rita, qui n’est autre que Carla déguisée, éveille les soupçons de Naomi ; laquelle tente de convaincre Elena de se méfier.</t>
  </si>
  <si>
    <t>FR54801-HDTX</t>
  </si>
  <si>
    <t>Les nouveaux jagons</t>
  </si>
  <si>
    <t>Convaincue qu'elle doit partir à la recherche de Shuriki, Elena se transforme en jagon mais elle est accusée d'un crime qu'elle n'a pas commis.</t>
  </si>
  <si>
    <t>FR54802-HDTX</t>
  </si>
  <si>
    <t>Le Sceptre de la nuit</t>
  </si>
  <si>
    <t>Elena et ses amis font la course avec Shuriki et ses acolytes pour retrouver le premier morceau du fameux Sceptre de la nuit.</t>
  </si>
  <si>
    <t>FR54803-HDTX</t>
  </si>
  <si>
    <t>Lady Wifi</t>
  </si>
  <si>
    <t>Alors que Marinette, débordée par sa double vie, manque une nouvelle fois les cours au collège, sa meilleure amie Alya pense avoir découvert que Chloé est celle qui se cache sous le masque de Ladybug. Ne supportant pas qu’Alya fouine dans ses affaires, Chloé se débrouille pour la faire renvoyer du collège.Révoltée par cette injustice, Alya se fait akumatiser par Le Papillon. Devenue Lady Wifi et armée de son téléphone portable, elle compte bien se venger de Chloé en la dénonçant pour faire triompher la vérité.</t>
  </si>
  <si>
    <t>PG19193-TX</t>
  </si>
  <si>
    <t>Le Dessinateur</t>
  </si>
  <si>
    <t>Chloé se moque de Nathanaël, un camarade de classe amoureux de Marinette. Blessé, il est akumatisé par Le Papillon. Devenu Le Dessinateur, et armé de son carnet de croquis et de son crayon, il n’hésite pas à effacer tous les obstacles qui se dressent sur son chemin pour se venger de cette peste de Chloé et la rayer de sa vie. Ladybug ne peut pas se transformer, car seule Marinette a le pouvoir d’apaiser le Dessinateur. Chat Noir devra donc l’affronter seul, guidé à distance par notre super héroïne.</t>
  </si>
  <si>
    <t>PG19194-TX</t>
  </si>
  <si>
    <t>Convention</t>
  </si>
  <si>
    <t>Luz étudie les assemblées de sorcières mais sa leçon prend mauvaise tournure quand elle se retrouve engagée dans un duel de magiciennes.</t>
  </si>
  <si>
    <t>FR80368-HDTX</t>
  </si>
  <si>
    <t>Le manoir animé</t>
  </si>
  <si>
    <t>Lorsque Luz, Willow et Gus animent le Manoir de la Chouette par accident, la maison devient incontrôlable et parcourt tout Osville ! Comment gérer une maison en fugue ?</t>
  </si>
  <si>
    <t>FR80369-HDTX</t>
  </si>
  <si>
    <t>Numeric</t>
  </si>
  <si>
    <t>Vincent Asa est fan de la rockstar Jagged Stone. Akumatisé par Le Papillon, il devient Numeric et compte capturer l’image de son idole pour toujours. Ladybug et Chat Noir devront faire attention à ne pas se faire flasher !</t>
  </si>
  <si>
    <t>PG19209-TX</t>
  </si>
  <si>
    <t>Vague de chaleur / La vérité est ailleurs</t>
  </si>
  <si>
    <t>Cricket et Remy disputent un match animé de basket lors d'une journée de canicule. Pour éviter une punition, Cricket doit faire croire à son père, pourtant rationnel, que les extraterrestres existent.</t>
  </si>
  <si>
    <t>FR70940-HDTX</t>
  </si>
  <si>
    <t>Attention au requin / Cricket marionnettiste</t>
  </si>
  <si>
    <t>La famille Green passe la journée à la plage et Cricket veut faire une blague aux baigneurs. Cricket arrive à s'immiscer dans les rêves des membres de sa famille et à les influencer, pour le pire.</t>
  </si>
  <si>
    <t>FR87811-HDTX</t>
  </si>
  <si>
    <t>Bill est accro / Côté sauvage</t>
  </si>
  <si>
    <t>Bill devient accro à un jeu vidéo de simulation de ferme. Le côté sauvage de Cricket prend le dessus lorsque Bill refuse de l'emmener camper.</t>
  </si>
  <si>
    <t>FR70942-HDTX</t>
  </si>
  <si>
    <t>Le Jouet Qui Rend Fou</t>
  </si>
  <si>
    <t>Les Livingstone offrent à leurs animaux chéris un nouveau jouet : un gland en peluche ! Très vite, Sam et Victoria se disputent le jouet dont ils sont complètement devenus gaga. Chacun ne rêve que d'une chose, l'avoir pour lui tout seul ! La dispute prend une tournure dramatique quand à force de coups bas, Victoria décide de faire disparaître le costume de Sam...</t>
  </si>
  <si>
    <t>FR68850-HDTX</t>
  </si>
  <si>
    <t>Des Costumes Très Attirants</t>
  </si>
  <si>
    <t>Nos héros commandent de nouveaux costumes aux fermetures magnétiques invisibles ! Mais le champ magnétique dégagé par ces dernières est trop fort et attire tous les objets métalliques de la maison ! Pour ne pas attirer l'attention, ils sont obligés de fuir et de se débarrasser de leurs nouveaux costumes. Pire, entre temps, les ratons laveurs ont retrouvé leurs anciens costumes et pris leur place... Et même Victoria ne s'est rendu compte de rien.</t>
  </si>
  <si>
    <t>FR68851-HDTX</t>
  </si>
  <si>
    <t>Espion Domestique</t>
  </si>
  <si>
    <t>Washington est persuadé d'être espionné. Ses amis ne le prennent pas au sérieux ! Alors quand une vieille dame vient les garder pour le week-end, Washington est méfiant… Et il a raison : la mamie est réellement un agent secret venue les recruter pour leurs capacités d'adaptation extraordinaires. Ils vont devenir des agents animaux domestiques et surveiller les plus grands pouvoirs de ce monde !</t>
  </si>
  <si>
    <t>FR68852-HDTX</t>
  </si>
  <si>
    <t>Le pilo-test</t>
  </si>
  <si>
    <t>Pensant être seul à la maison, Washington met son costume au lavage. Mais les Livingstone rentrent plus tôt que prévu ! Il n'a alors pas d'autre choix que de fuir la maison et tombe nez à nez avec Alvarez et son maître. Pas de chance, ce dernier s'est mis en tête que son lévrier pouvait devenir un très bon chasseur de renard... Alors, quoi de mieux que de se retrouver, en ville, nez à nez avec un renard pour entraîner son chien chasseur? La journée de Washington se transforme en véritable cauchemar.</t>
  </si>
  <si>
    <t>FR68853-HDTX</t>
  </si>
  <si>
    <t>Les peintres en bâtiment/A la lueur de la Lune/Notre Mélodie du Bonheur</t>
  </si>
  <si>
    <t>FR81489-HDTX</t>
  </si>
  <si>
    <t>MICKEY MOUSE COMPILATION</t>
  </si>
  <si>
    <t>Les collerettes / La Mélodie des Îles</t>
  </si>
  <si>
    <t>Réalisateur: Aaron SpringerRéalisateur: Aaron Springer</t>
  </si>
  <si>
    <t>Pluto est déprimé car il doit porter une collerette. Mickey décide d'en porter une aussi pour le soutenir. / Mickey travaille sa mélodie au hukulélé, mais tout semble s'acharner pour qu'il ne réussisse pas à terminer sa chanson.</t>
  </si>
  <si>
    <t>FR62657-HDTX</t>
  </si>
  <si>
    <t>Soirée Cinéma / Joyeux anniversaire et haut les mains / Mickey et les Motards</t>
  </si>
  <si>
    <t>Une terrible tempête fait rage dehors ! Mickey et Minnie décident de faire une soirée film, mais Mickey découvre qu'il n'y a plus de biscuits ! / C'est l'anniversaire de Mickey. Les Pinatas attaquent. / Mickey fait une balade à moto !</t>
  </si>
  <si>
    <t>FR62658-HDTX</t>
  </si>
  <si>
    <t>Le pull des amoureux / L'Homme-Orchestre / De l'esprit sportif entre athlètes</t>
  </si>
  <si>
    <t>Pour impressionner Minnie, Mickey va porter le pull tricoté par elle avec amour. / Mickey est un homme-orchestre qui a du mal à s'exprimer à Londres !!! / Mickey nous explique ce qu'est le fair play.</t>
  </si>
  <si>
    <t>FR62659-HDTX</t>
  </si>
  <si>
    <t>Echange de corps</t>
  </si>
  <si>
    <t>Eda, King et Luz échangent leurs corps à la suite d'un simple désaccord qui tourne à la catastrophe.</t>
  </si>
  <si>
    <t>FR87979-HDTX</t>
  </si>
  <si>
    <t>Magie et chocolats</t>
  </si>
  <si>
    <t>Elena est débordée et a du mal à accorder du temps à ses proches. Luisa la persuade de rouvrir la chocolaterie familiale.</t>
  </si>
  <si>
    <t>FR71259-HDTX</t>
  </si>
  <si>
    <t>L'attrape-rêve</t>
  </si>
  <si>
    <t>Quand les rêves d'Elena prennent vie comme par magie, elle doit faire face à des sentiments enfouis qui en sont à l'origine.</t>
  </si>
  <si>
    <t>FR71260-HDTX</t>
  </si>
  <si>
    <t>La relève de la Garde</t>
  </si>
  <si>
    <t>Elena aide sa couturière à devenir la première femme à entrer dans la Garde Royale.</t>
  </si>
  <si>
    <t>FR71261-HDTX</t>
  </si>
  <si>
    <t>Les horreurs boréales / Horreurs immobilières</t>
  </si>
  <si>
    <t>FR75303-HDTX</t>
  </si>
  <si>
    <t>Nom d’une petite peste ! / Les nouveaux habits de tante Lydia</t>
  </si>
  <si>
    <t>FR75304-HDTX</t>
  </si>
  <si>
    <t>Zombizou</t>
  </si>
  <si>
    <t>Aujourd’hui, c’est l’anniversaire de Mlle Bustier, le professeur préféré de Marinette. Mais à cause d’une nouvelle pesterie de Chloé, Marinette est sur le point de se faire akumatiser !Pour la protéger, Mlle Bustier s’interpose et l’akuma prend possession d’elle. Le Papillon la transforme alors en Zombizou. Armée de son bâton de noir à lèvres maléfique, elle veut répandre l’amour dans la ville en envoyant des baisers maléfiques à tous les Parisiens – mais surtout à Chloé, cette peste sans cœur – pour les forcer à s’aimer les uns les autres.</t>
  </si>
  <si>
    <t>FR32415-HDTX</t>
  </si>
  <si>
    <t>Capitaine Hardrock</t>
  </si>
  <si>
    <t>Lles amis de Marinette s’apprêtent à donner un concert à bord de la péniche de Juleka, chaperonnés par sa mère, Anarkal. Alors que Marinette découvre, très déçue, qu’Adrien ne pourra pas assister au concert, elle rencontre Luka, le grand frère de Juleka. Doux et attentionné, ce dernier pourrait bien semer le trouble dans le cœur de Marinette…Mais alors que le groupe commence les répétitions, l’agent Roger vient jouer les trouble-fêtes, reprochant à Anarka de faire trop de bruit. Déçue et énervée, cette dernière se fait akumatiser par Papillon et devient Capitaine Hardrock.</t>
  </si>
  <si>
    <t>FR32416-HDTX</t>
  </si>
  <si>
    <t>Le trésor de la lampe</t>
  </si>
  <si>
    <t>Les enfants tentent de retrouver une étrange lampe qu'ils ont vendue par erreur pendant que Picsou et Zaza font diversion.</t>
  </si>
  <si>
    <t>FR62629-HDTX</t>
  </si>
  <si>
    <t>Picsou, le hors-la-loi !</t>
  </si>
  <si>
    <t>Au Far West, Picsou et Goldie s'associent et deviennent des hors-la-loi. Ils montent un braquage dans l'espoir de sauver une petite ville d'un homme d'affaires corrompu : Crésus Flairsou.</t>
  </si>
  <si>
    <t>FR62630-HDTX</t>
  </si>
  <si>
    <t>Sortie entre filles / Ça tourne !</t>
  </si>
  <si>
    <t>Dolly et sa mère se disputent le jour de la fête des mères. Doug espère les réconcilier en leur offrant une journée au spa. Dolly, Dylan et Deepak remplacent les Trois D pour un tournage de pub.</t>
  </si>
  <si>
    <t>FR79064-HDTX</t>
  </si>
  <si>
    <t>Question de flair</t>
  </si>
  <si>
    <t>Suite à un délit commis dans le parc, les 101 Dalmatiens sont les premiers suspects mais Dylan va tenter de résoudre l'enquête.</t>
  </si>
  <si>
    <t>FR79065-HDTX</t>
  </si>
  <si>
    <t>Épisode 92</t>
  </si>
  <si>
    <t>92</t>
  </si>
  <si>
    <t>Réalisateur: Jorge Nisco, Réalisateur: Martin Saban, Interprète: Lodovica Comello, Interprète: Mercedes Lambre, Interprète: Mirta Wons, Interprète: Facundo Gambande, Interprète: Samuel Nascimento, Interprète: Martina Stoessel, Interprète: Florencia Benitez, Interprète: Candelaria Molfese, Interprète: Rodrigo Pedreira, Interprète: Valentina Frione, Interprète: Ezequiel Rodriguez, Interprète: Pablo Sultani, Interprète: Nicolas Garnier, Interprète: Joaquin Berthold, Interprète: Alberto Fernandez De Rosa, Interprète: Diego Ramos, Interprète: Clara Alonso, Interprète: Alba Rico, Interprète: Alberto Allende, Interprète: Diego Dominguez Llort, Interprète: Jorge BlancoRéalisateur: Martin Saban, Réalisateur: Jorge Nisco, Interprète: Facundo Gambande, Interprète: Nicolas Garnier, Interprète: Joaquin Berthold, Interprète: Alberto Fernandez De Rosa, Interprète: Clara Alonso, Interprète: Jorge Blanco, Interprète: Ezequiel Rodriguez, Interprète: Lodovica Comello, Interprète: Pablo Sultani, Interprète: Mirta Wons, Interprète: Samuel Nascimento, Interprète: Diego Ramos, Interprète: Alba Rico, Interprète: Alberto Allende, Interprète: Diego Dominguez Llort, Interprète: Martina Stoessel, Interprète: Florencia Benitez, Interprète: Candelaria Molfese, Interprète: Rodrigo Pedreira, Interprète: Valentina Frione, Interprète: Mercedes Lambre</t>
  </si>
  <si>
    <t>German est arrêté et interrogé au sujet de ses comptes qui ont été vidés et transférés dans des banques étrangères. Cardoso demande à Andres de lui présenter Olga. Jade débarque au commissariat. Elle clame qu'elle est la fiancée de German.</t>
  </si>
  <si>
    <t>FJ75571-TX</t>
  </si>
  <si>
    <t>Premier jour d'école</t>
  </si>
  <si>
    <t>Isabel va a l'école pour la première fois, mais comme elle est très bonne élève, elle a du mal à se faire des amis. Elle essaie de changer pour s'intégrer.</t>
  </si>
  <si>
    <t>FR30421-HDTX</t>
  </si>
  <si>
    <t>Le Tournoi d'Escrime</t>
  </si>
  <si>
    <t>Déterminée à prouver qu'elle est suffisamment douée pour l'escrime, Elena décide de participer au tournoi annuel déguisée en "Chevalier Elezar".</t>
  </si>
  <si>
    <t>FR30422-HDTX</t>
  </si>
  <si>
    <t>Licorne et le concours de rap ! / Répète après moi, Licorne !</t>
  </si>
  <si>
    <t>Alice doit trouver le moyen de développer rapidement des talents de rappeuse, car Licorne a transformé son concours de poésie en concours de rap. / Alice ne peut assister à l'entrevue pour son camp de sciences à cause d'un gros rhume. Licorne décide d'y aller à sa place… déguisé en Alice !</t>
  </si>
  <si>
    <t>FR63240-HDTX</t>
  </si>
  <si>
    <t>Licorne et le défilé de mode ! / Tout roule, Licorne !</t>
  </si>
  <si>
    <t>Alice et Pixie n'arrivent pas à assortir leurs couleurs pour le défilé de mode. Mais Licorne a malencontreusement détruit toutes leurs tenues. Réussiront-elles à s'accorder ? / Alice prétend avoir perdu son vélo pour cacher qu'elle ne sait pas en faire. Mais plus Licorne tente de "l'aider" à le retrouver, plus elle risque d'être démasquée.</t>
  </si>
  <si>
    <t>FR63246-HDTX</t>
  </si>
  <si>
    <t>La vérité en bulles / La chasse au trésor</t>
  </si>
  <si>
    <t>Sadie veut absolument savoir où sa mère prévoit de l'emmener en vacances cette année, mais celle-ci souhaite que cela reste une surprise. La jeune fille décide alors de lancer un sort de vérité à travers la télévision, pendant un reportage présenté par Selina. / La Chasse au trésor annuelle de Harmony High est arrivée et Teepee veut absolument gagner, car Jake a promis au vainqueur 50 smoothies gratuits, ainsi que le droit de renommer son smoothie préféré !</t>
  </si>
  <si>
    <t>FR61479-HDTX</t>
  </si>
  <si>
    <t>Vague de chaleur / Une Sadie peut en cacher une autre</t>
  </si>
  <si>
    <t>Il fait bien trop froid pour consommer des smoothies et Jake est inquiet de voir sa boutique désertée. Quand Coach en profite pour faire une offre de rachat à un prix dérisoire, Sadie craint que Sam ne déménage.Elle convainc Gilbert de lui laisser lancer un sort pour faire revenir le soleil. / Sadie attrape un rhume après avoir passé trop de temps dehors à s'exercer à lancer un sort de gel avec Gilbert. Selina lui ordonne de rester au lit pour se reposer, mais la jeune fille veut absolument aller en cours. Gilbert accepte de subir un sort de camouflage pour prendre l'apparence de Sadie.</t>
  </si>
  <si>
    <t>FR61480-HDTX</t>
  </si>
  <si>
    <t>La course pour le royaume</t>
  </si>
  <si>
    <t>Elena et Naomi se rendent à Vallestrella pour trouver les autres parties du Sceptre de la Nuit avant qu'elles ne tombent entre les mains de Shuriki.</t>
  </si>
  <si>
    <t>FR54804-HDTX</t>
  </si>
  <si>
    <t>Rogercop</t>
  </si>
  <si>
    <t>Lors de la journée des parents au collège, Chloé accuse Marinette de lui avoir volé son nouveau bracelet ! En essayant de ramener l’ordre dans la classe, Roger, le papa policier de Sabrina, se fait renvoyer par le Maire, M. Bourgeois. Furieux et humilié, il est akumatisé par Le Papillon. Devenu Rogercop, un super-vilain qui prétend incarner la loi, il compte se venger du Maire et faire régner une justice tyrannique sur toute la ville. Chat Noir et Ladybug devront prouver que ce sont eux les véritables justiciers de Paris et innocenter Marinette.</t>
  </si>
  <si>
    <t>FR80870-HDTX</t>
  </si>
  <si>
    <t>Horrificator</t>
  </si>
  <si>
    <t>La classe de Marinette doit réaliser un petit film d’horreur pour un festival. Marinette, désignée productrice, doit tout faire pour que le film soit tourné dans la journée. Mais l’actrice principale, Mylène, est trop effrayée pour jouer, ce qui lui attire les reproches de certains de ses camarades. Blessée, elle quitte le plateau. Marinette doit alors la remplacer, et tourner la scène où elle embrasse l’acteur principal… Adrien !</t>
  </si>
  <si>
    <t>PG19196-TX</t>
  </si>
  <si>
    <t>Jeux de langages</t>
  </si>
  <si>
    <t>Pendant une visite à la bibliothèque, une blague de Luz se retourne contre une amie.</t>
  </si>
  <si>
    <t>FR80370-HDTX</t>
  </si>
  <si>
    <t>Owl House S1, The</t>
  </si>
  <si>
    <t>Luz, une adolescente humaine pleine d’assurance, tombe accidentellement sur un portail permettant d’accéder à un nouveau monde magique où elle se liera d’amitié avec une sorcière rebelle, Eda, et un guerrier adorable, King.</t>
  </si>
  <si>
    <t>FR80371-HDTX</t>
  </si>
  <si>
    <t>Guitar Vilain</t>
  </si>
  <si>
    <t>Marinette se voit confier la réalisation de la pochette du dernier album de son idole, la rockstar Jagged Stone ! Bridée par le manager autoritaire de la star, Marinette n’ose pas suivre son intuition et Jagged Stone refuse sa création. Elle décide de recommencer, cette fois-ci à sa façon.Mais entre-temps, Jagged Stone, lassé et humilié par les provocations d’un jeune chanteur orgueilleux nommé Mr XY, se fait akumatiser par Le Papillon.</t>
  </si>
  <si>
    <t>PG19207-TX</t>
  </si>
  <si>
    <t>Kung Food</t>
  </si>
  <si>
    <t>Marinette fait la connaissance de Cheng Sifu, son grand-oncle cuisinier, venu de Chine. Marinette ne parlant pas un mot de chinois, Alya lui suggère de faire appel à Adrien pour l’aider en tant qu’interprète. Ensemble, ils accompagnent Cheng Sifu à un concours de cuisine au Grand Paris, le palace du père de Chloé.Mais après une dispute avec Marinette, Chloé sabote le plat de Cheng Sifu. Ce dernier, humilié, est akumatisé en Kung Food.</t>
  </si>
  <si>
    <t>PG19200-TX</t>
  </si>
  <si>
    <t>Histoires de Grand-mère / La ferme des animaux</t>
  </si>
  <si>
    <t>Après avoir trouvé une boîte pleine de souvenirs, Grand-mère raconte ses aventures aux enfants. Les Green sont au marché. Les animaux détrônent leur reine, Phoenix, et entrent dans la maison.</t>
  </si>
  <si>
    <t>FR70943-HDTX</t>
  </si>
  <si>
    <t>ADDITION SALÉE / LE MEILLEUR CADEAU</t>
  </si>
  <si>
    <t>Cricket invite sa famille à dîner mais Bill se demande comment son fils va payer l'addition. Tilly et Cricket se battent pour savoir si Bill prétend avoir aimé ses cadeaux de Fête des Pères.</t>
  </si>
  <si>
    <t>FR70944-HDTX</t>
  </si>
  <si>
    <t>Avenir incertain / Grand-mère au volant</t>
  </si>
  <si>
    <t>Le plan de vie de Remy est remis en question car il n'a pas préparé son récital de violon correctement. Grand-mère devient chauffeur et complice de braqueurs qu'elle conduit à travers toute la ville.</t>
  </si>
  <si>
    <t>FR70945-HDTX</t>
  </si>
  <si>
    <t>En Quarantaine</t>
  </si>
  <si>
    <t>Washington et Sam jouent avec une bombe de peinture et terminent couverts de points rouges ! Horreur des Livingstone, et si c'était une maladie contagieuse ? Pour ne prendre aucun risque, ils envoient la petite troupe chez le vétérinaire qui décide de les mettre en quarantaine en attendant des analyses plus poussées. Comment s'échapper avant que ce dernier découvre leur véritable identité ?</t>
  </si>
  <si>
    <t>FR68854-HDTX</t>
  </si>
  <si>
    <t>Alerte Allergie</t>
  </si>
  <si>
    <t>Les Livingstone accueillent Donald, le neveu des voisins ! Mais ce dernier est allergique à tout ! Alors quelle joie quand le nouveau venu découvre qu'il n'est pas allergique à Sam ! Enfin un chat avec qui jouer (ou plutôt maltraiter). Pendant ce temps là, les Livingstone se posent des questions, bizarre que Sam ne déclenche pas d'allergie ?! Washington et ses amis vont devoir sortir Sam de ce mauvais pas...</t>
  </si>
  <si>
    <t>FR68855-HDTX</t>
  </si>
  <si>
    <t>Chacun Cherche Son Sam</t>
  </si>
  <si>
    <t>La joyeuse bande découvre que Sam est recherché : il y a des affiches dans toute la ville avec sa photo ! Mais il s'agit en réalité de Tom, un vrai chat qui ressemble à Sam comme deux gouttes d'eau. Ce dernier cherche à fuir, Arlette, sa maîtresse surprotectrice, et décide de prendre la place de Sam. Arlette, dupée, pense que Sam est son chat et l’emmène chez elle !. Comment faire pour délivrer Sam tout en rendant Tom à sa maîtresse ?</t>
  </si>
  <si>
    <t>FR68856-HDTX</t>
  </si>
  <si>
    <t>Gracie &amp; Alphie reçoivent un nouveau jouet : un pilo-test ! Dans un tube à essai, ils peuvent placer différents poils d'animaux pour obtenir un profil complet du spécimen analysé. Ce qui amuse nos héros dans un premier temps avant d'être testés à leur tour. Et en effet, le pilo-test annonce que Sam est une espèce inconnue ! Le vétérinaire mis sur le coup, y voit l'occasion de devenir célèbre...</t>
  </si>
  <si>
    <t>FR68857-HDTX</t>
  </si>
  <si>
    <t>Le puits à souhaits / Les merveilles des profondeurs</t>
  </si>
  <si>
    <t>Mickey et Minnie découvrent un puits à souhaits, mais les pièces viennent d'en être dérobées ! / Toute la bande fait un voyage en sous-marin !</t>
  </si>
  <si>
    <t>FR62660-HDTX</t>
  </si>
  <si>
    <t>Comme autrefois / Les délices turcs / Une table pour trois</t>
  </si>
  <si>
    <t>Mickey, Pluto et Donald décident de faire du camping. / Mickey essaie de vendre de délicieux loukoums. Cela ne plaît pas à tout le monde ! / Minnie a réservé une table pour trois dans un restaurant chic, mais on ne les laisse pas entrer !</t>
  </si>
  <si>
    <t>FR29514-HDTX</t>
  </si>
  <si>
    <t>Tous à l'eau / Pris au piège / Le Mystère des Chaussettes Perdues</t>
  </si>
  <si>
    <t>Mickey veut partir faire du surf ; sa voiture n'est pas d'accord. / Mickey et Minnie sont à la recherche du Tombeau de Toutenclavé. / Minnie doit enquêter sur un vol de chaussettes.</t>
  </si>
  <si>
    <t>FR29515-HDTX</t>
  </si>
  <si>
    <t>Il faut savoir dire non / Deux en un</t>
  </si>
  <si>
    <t>Mickey se prépare pour une soirée TV tranquille; c'est compter sans Dingo et ses amis ! / Mickey demande au Professeur Von Drake de rendre Donald moins colérique.</t>
  </si>
  <si>
    <t>FR62663-HDTX</t>
  </si>
  <si>
    <t>17:05:00</t>
  </si>
  <si>
    <t>MIRACULOUS WORLD: NEW YORK, LES HÉROS UNIS</t>
  </si>
  <si>
    <t>Réalisateur: Thomas Astruc</t>
  </si>
  <si>
    <t>La classe de Marinette doit se rendre à New York, la ville des super héros, pour célébrer la semaine de l'amitié franco-américaine. Toute la classe… sauf Adrien, car son père refuse de le laisser partir. Ladybug demande à Chat Noir de veiller sur Paris sans lui dire pourquoi elle doit s'absenter. Ce dernier prend la mission très au sérieux… mais lorsque Marinette, en tant que déléguée de classe, convainc Gabriel de laisser partir son fils avec ses camarades, Adrien a un problème. Il ne peut pas veiller en même temps sur Paris et être avec sa classe à New York. Comment va-t-il faire ?</t>
  </si>
  <si>
    <t>Télefilm</t>
  </si>
  <si>
    <t>2020</t>
  </si>
  <si>
    <t>FR87926-HDTX</t>
  </si>
  <si>
    <t>MIRACULOUS: LES SECRETS</t>
  </si>
  <si>
    <t>Miraculous Tales Of Ladybug &amp; Cat Noir Webisodes S3</t>
  </si>
  <si>
    <t>4min</t>
  </si>
  <si>
    <t>FR84283-HDTX</t>
  </si>
  <si>
    <t>2min</t>
  </si>
  <si>
    <t>FR72623-HDTX</t>
  </si>
  <si>
    <t>20:25:00</t>
  </si>
  <si>
    <t>VOTRE ENFANT GOR-MONITE S'APPRETE A EXPLOSER</t>
  </si>
  <si>
    <t>Gabby Duran décroche un job très original dans sa nouvelle ville, grâce à son proviseur: Etre la baby-sitter d'un groupe d'enfants extraterrestres ingérables qui se cachent sur terre.</t>
  </si>
  <si>
    <t>FR83411-HDTX</t>
  </si>
  <si>
    <t>Wesley et Stuart Fischman</t>
  </si>
  <si>
    <t>Gabby doit faire un choix : garder le secret sur son activité de baby-sitter d'extraterrestres ou prendre le risque de tout révéler à son meilleur ami Wesley, obnubilé par les extraterrestres.</t>
  </si>
  <si>
    <t>FR83412-HDTX</t>
  </si>
  <si>
    <t>CAMP KIKIWAKA</t>
  </si>
  <si>
    <t>Lou aux commandes</t>
  </si>
  <si>
    <t>C’est un nouvel été au Camp Kikiwaka, Les enfants Ross sont partis en laissant le camp à Lou. C'est l'arrivée d'une nouvelle campeuse, Gwen et de nouveaux moniteurs Noah et Ava.</t>
  </si>
  <si>
    <t>FR82942-HDTX</t>
  </si>
  <si>
    <t>La soirée des talents</t>
  </si>
  <si>
    <t>Le Camp Kikiwaka accueille son spectacle annuel, l’amitié de Finn et Matteo est mise à l’épreuve alors qu’ils essaient de trouver un numéro et que Destiny tente d’impressionner Noah avec ses numéros de concours.</t>
  </si>
  <si>
    <t>FR77741-HDTX</t>
  </si>
  <si>
    <t>Épisode 93</t>
  </si>
  <si>
    <t>93</t>
  </si>
  <si>
    <t>Réalisateur: Jorge Nisco, Réalisateur: Martin Saban, Interprète: Alberto Allende, Interprète: Diego Dominguez Llort, Interprète: Nicolas Garnier, Interprète: Lodovica Comello, Interprète: Diego Ramos, Interprète: Alba Rico, Interprète: Mirta Wons, Interprète: Facundo Gambande, Interprète: Samuel Nascimento, Interprète: Mercedes Lambre, Interprète: Florencia Benitez, Interprète: Candelaria Molfese, Interprète: Rodrigo Pedreira, Interprète: Valentina Frione, Interprète: Ezequiel Rodriguez, Interprète: Pablo Sultani, Interprète: Martina Stoessel, Interprète: Joaquin Berthold, Interprète: Jorge Blanco, Interprète: Alberto Fernandez De Rosa, Interprète: Clara AlonsoRéalisateur: Martin Saban, Réalisateur: Jorge Nisco, Interprète: Facundo Gambande, Interprète: Nicolas Garnier, Interprète: Joaquin Berthold, Interprète: Alberto Fernandez De Rosa, Interprète: Clara Alonso, Interprète: Jorge Blanco, Interprète: Ezequiel Rodriguez, Interprète: Lodovica Comello, Interprète: Pablo Sultani, Interprète: Mirta Wons, Interprète: Samuel Nascimento, Interprète: Diego Ramos, Interprète: Alba Rico, Interprète: Alberto Allende, Interprète: Diego Dominguez Llort, Interprète: Martina Stoessel, Interprète: Florencia Benitez, Interprète: Candelaria Molfese, Interprète: Rodrigo Pedreira, Interprète: Valentina Frione, Interprète: Mercedes Lambre</t>
  </si>
  <si>
    <t>Alors que Diego décide de passer l’audition d’entrée au Studio, Léon fait de son mieux pour rester amical avec lui. Andrès présente Olga à Cardoso et Ema le considère comme un génie pour avoir trouvé un moyen d’être ami avec le garde du corps.</t>
  </si>
  <si>
    <t>FJ75572-TX</t>
  </si>
  <si>
    <t>06:25:16</t>
  </si>
  <si>
    <t>Réalisateur: Donovan Cook, Réalisateur: Vic Cook, Réalisateur: Rob LaDuca, Réalisateur: Sherie Pollack, Interprète: They Might Be GiantsRéalisateur: Vic Cook, Réalisateur: Donovan Cook, Réalisateur: Rob LaDuca, Réalisateur: Sherie Pollack, Interprète: They Might Be Giants</t>
  </si>
  <si>
    <t>06:54:41</t>
  </si>
  <si>
    <t>07:01:41</t>
  </si>
  <si>
    <t>07:08:41</t>
  </si>
  <si>
    <t>07:24:05</t>
  </si>
  <si>
    <t>07:31:05</t>
  </si>
  <si>
    <t>07:38:05</t>
  </si>
  <si>
    <t>07:51:29</t>
  </si>
  <si>
    <t>08:20:49</t>
  </si>
  <si>
    <t>08:50:20</t>
  </si>
  <si>
    <t>09:19:51</t>
  </si>
  <si>
    <t>09:49:27</t>
  </si>
  <si>
    <t>10:18:23</t>
  </si>
  <si>
    <t>Réalisateur: Nicky Phelan, Réalisateur: Ehud Landsberg</t>
  </si>
  <si>
    <t>10:47:49</t>
  </si>
  <si>
    <t>11:45:37</t>
  </si>
  <si>
    <t>11:52:37</t>
  </si>
  <si>
    <t>11:59:37</t>
  </si>
  <si>
    <t>12:15:06</t>
  </si>
  <si>
    <t>12:22:06</t>
  </si>
  <si>
    <t>12:29:06</t>
  </si>
  <si>
    <t>12:42:35</t>
  </si>
  <si>
    <t>12:49:35</t>
  </si>
  <si>
    <t>12:56:35</t>
  </si>
  <si>
    <t>13:12:04</t>
  </si>
  <si>
    <t>13:19:04</t>
  </si>
  <si>
    <t>13:26:04</t>
  </si>
  <si>
    <t>13:41:03</t>
  </si>
  <si>
    <t>13:48:03</t>
  </si>
  <si>
    <t>13:55:03</t>
  </si>
  <si>
    <t>14:10:17</t>
  </si>
  <si>
    <t>14:17:17</t>
  </si>
  <si>
    <t>14:24:17</t>
  </si>
  <si>
    <t>14:37:41</t>
  </si>
  <si>
    <t>15:07:07</t>
  </si>
  <si>
    <t>15:36:33</t>
  </si>
  <si>
    <t>16:04:38</t>
  </si>
  <si>
    <t>16:34:14</t>
  </si>
  <si>
    <t>17:02:24</t>
  </si>
  <si>
    <t>17:58:35</t>
  </si>
  <si>
    <t>18:29:05</t>
  </si>
  <si>
    <t>18:55:06</t>
  </si>
  <si>
    <t>19:24:17</t>
  </si>
  <si>
    <t>Le train supersonique de la fête foraine disparaît, mais Bibou tient à le retrouver. Yoyo doit affronter Sorceline pour sauver l'été, mais pour ça, il doit aussi affronter sa peur de l'eau.</t>
  </si>
  <si>
    <t>19:53:39</t>
  </si>
  <si>
    <t>20:23:29</t>
  </si>
  <si>
    <t>20:52:41</t>
  </si>
  <si>
    <t>21:20:22</t>
  </si>
  <si>
    <t>22:19:01</t>
  </si>
  <si>
    <t>22:46:40</t>
  </si>
  <si>
    <t>23:16:21</t>
  </si>
  <si>
    <t>Gluglu et le rayon babyficateur/Bibou et l'éclipse lunaire</t>
  </si>
  <si>
    <t>Gluglu doit garder ses deux équipiers, un chat et un poussin, et sauver le monde. Bibou doit mettre de côté sa jalousie pour reprendre à Romeo son tableau et son aimant.</t>
  </si>
  <si>
    <t>FR43071-HDTX</t>
  </si>
  <si>
    <t>23:45:48</t>
  </si>
  <si>
    <t>Yoyo et la nuit du chat / Yoyo et le Rembobinateur</t>
  </si>
  <si>
    <t>Yoyo apprend comment augmenter son pouvoir de chat et demande à Yoyo et Gluglu de l'aider. Yoyo est victime de la télécommande de Roméo qui remonte le temps et répète la nuit à l'infini.</t>
  </si>
  <si>
    <t>FR43072-HDTX</t>
  </si>
  <si>
    <t>07:02:26</t>
  </si>
  <si>
    <t>07:09:26</t>
  </si>
  <si>
    <t>07:16:26</t>
  </si>
  <si>
    <t>07:30:06</t>
  </si>
  <si>
    <t>07:37:05</t>
  </si>
  <si>
    <t>07:44:05</t>
  </si>
  <si>
    <t>08:00:39</t>
  </si>
  <si>
    <t>08:30:15</t>
  </si>
  <si>
    <t>08:59:48</t>
  </si>
  <si>
    <t>09:29:40</t>
  </si>
  <si>
    <t>09:59:52</t>
  </si>
  <si>
    <t>10:29:50</t>
  </si>
  <si>
    <t>10:59:33</t>
  </si>
  <si>
    <t>11:59:58</t>
  </si>
  <si>
    <t>12:29:13</t>
  </si>
  <si>
    <t>13:01:31</t>
  </si>
  <si>
    <t>13:31:05</t>
  </si>
  <si>
    <t>14:00:05</t>
  </si>
  <si>
    <t>14:29:30</t>
  </si>
  <si>
    <t>15:01:29</t>
  </si>
  <si>
    <t>Réalisateur: Nicky Phelan, Réalisateur: Jonmark Marten</t>
  </si>
  <si>
    <t>15:30:57</t>
  </si>
  <si>
    <t>16:00:59</t>
  </si>
  <si>
    <t>16:29:25</t>
  </si>
  <si>
    <t>16:59:32</t>
  </si>
  <si>
    <t>17:32:12</t>
  </si>
  <si>
    <t>18:30:04</t>
  </si>
  <si>
    <t>18:58:35</t>
  </si>
  <si>
    <t>19:30:06</t>
  </si>
  <si>
    <t>20:00:07</t>
  </si>
  <si>
    <t>20:29:30</t>
  </si>
  <si>
    <t>20:59:32</t>
  </si>
  <si>
    <t>Réalisateur: Scott Bern, Réalisateur: Stephanie Arnett</t>
  </si>
  <si>
    <t>21:29:24</t>
  </si>
  <si>
    <t>21:59:35</t>
  </si>
  <si>
    <t>22:30:34</t>
  </si>
  <si>
    <t>22:58:33</t>
  </si>
  <si>
    <t>23:29:28</t>
  </si>
  <si>
    <t>23:59:25</t>
  </si>
  <si>
    <t>06:31:50</t>
  </si>
  <si>
    <t>07:03:41</t>
  </si>
  <si>
    <t>07:10:41</t>
  </si>
  <si>
    <t>07:17:31</t>
  </si>
  <si>
    <t>07:33:21</t>
  </si>
  <si>
    <t>07:40:21</t>
  </si>
  <si>
    <t>07:47:21</t>
  </si>
  <si>
    <t>07:59:01</t>
  </si>
  <si>
    <t>08:29:01</t>
  </si>
  <si>
    <t>08:59:53</t>
  </si>
  <si>
    <t>LA MAISON DE MICKEY: DINGO AU PAYS DES CONTES DE FÉES</t>
  </si>
  <si>
    <t>Réalisateur: Phil Weinstein</t>
  </si>
  <si>
    <t>Dingo ayant effacé les contes de fées de la Maison de Mickey, il doit aller au Pays des contes de fées pour récupérer le livre d’histoires en or.</t>
  </si>
  <si>
    <t>FR31449-HDTX</t>
  </si>
  <si>
    <t>10:00:04</t>
  </si>
  <si>
    <t>10:32:26</t>
  </si>
  <si>
    <t>11:00:08</t>
  </si>
  <si>
    <t>11:29:56</t>
  </si>
  <si>
    <t>11:59:14</t>
  </si>
  <si>
    <t>12:30:09</t>
  </si>
  <si>
    <t>13:00:15</t>
  </si>
  <si>
    <t>13:30:02</t>
  </si>
  <si>
    <t>14:01:55</t>
  </si>
  <si>
    <t>14:08:55</t>
  </si>
  <si>
    <t>14:15:55</t>
  </si>
  <si>
    <t>14:27:35</t>
  </si>
  <si>
    <t>14:34:34</t>
  </si>
  <si>
    <t>14:41:34</t>
  </si>
  <si>
    <t>14:57:34</t>
  </si>
  <si>
    <t>15:04:34</t>
  </si>
  <si>
    <t>15:11:34</t>
  </si>
  <si>
    <t>15:27:24</t>
  </si>
  <si>
    <t>15:34:24</t>
  </si>
  <si>
    <t>15:41:24</t>
  </si>
  <si>
    <t>15:57:15</t>
  </si>
  <si>
    <t>16:04:15</t>
  </si>
  <si>
    <t>16:11:15</t>
  </si>
  <si>
    <t>16:26:02</t>
  </si>
  <si>
    <t>16:57:07</t>
  </si>
  <si>
    <t>17:26:54</t>
  </si>
  <si>
    <t>17:56:47</t>
  </si>
  <si>
    <t>18:27:23</t>
  </si>
  <si>
    <t>18:57:49</t>
  </si>
  <si>
    <t>19:28:42</t>
  </si>
  <si>
    <t>20:03:10</t>
  </si>
  <si>
    <t>20:10:10</t>
  </si>
  <si>
    <t>20:17:10</t>
  </si>
  <si>
    <t>20:30:10</t>
  </si>
  <si>
    <t>20:58:02</t>
  </si>
  <si>
    <t>21:28:57</t>
  </si>
  <si>
    <t>21:56:24</t>
  </si>
  <si>
    <t>22:29:05</t>
  </si>
  <si>
    <t>23:31:52</t>
  </si>
  <si>
    <t>VAMPIRINA ET LES MONSTRUEUSES EN TOURNÉE</t>
  </si>
  <si>
    <t>Vampirina et les monstrueuses en tournée S2 Ep 13</t>
  </si>
  <si>
    <t>FR79777-HDTX</t>
  </si>
  <si>
    <t>23:34:11</t>
  </si>
  <si>
    <t>Réalisateur: Sherie Pollack, Réalisateur: Rob LaDuca, Réalisateur: Donovan Cook, Réalisateur: Vic Cook, Interprète: They Might Be GiantsRéalisateur: Vic Cook, Réalisateur: Donovan Cook, Réalisateur: Rob LaDuca, Réalisateur: Sherie Pollack, Interprète: They Might Be Giants</t>
  </si>
  <si>
    <t>06:32:09</t>
  </si>
  <si>
    <t>Réalisateur: Donovan Cook, Réalisateur: Rob LaDuca, Réalisateur: Sherie Pollack, Réalisateur: Vic Cook, Interprète: They Might Be GiantsRéalisateur: Vic Cook, Réalisateur: Donovan Cook, Réalisateur: Rob LaDuca, Réalisateur: Sherie Pollack, Interprète: They Might Be Giants</t>
  </si>
  <si>
    <t>07:05:00</t>
  </si>
  <si>
    <t>07:12:00</t>
  </si>
  <si>
    <t>07:19:00</t>
  </si>
  <si>
    <t>07:35:19</t>
  </si>
  <si>
    <t>07:42:19</t>
  </si>
  <si>
    <t>07:49:19</t>
  </si>
  <si>
    <t>08:00:59</t>
  </si>
  <si>
    <t>08:31:14</t>
  </si>
  <si>
    <t>09:03:01</t>
  </si>
  <si>
    <t>LA MAISON DE MICKEY: UNE SUPER AVENTURE</t>
  </si>
  <si>
    <t>Réalisateur: Rob Laduca/ Sherie Pollack</t>
  </si>
  <si>
    <t>Tous les amis de Mickey jouent aux super héros pour combattre l'Epatant Super Pat et Mégamax, alias Mortimer, leur nouveau voisin.</t>
  </si>
  <si>
    <t>FR31516-HDTX</t>
  </si>
  <si>
    <t>09:59:00</t>
  </si>
  <si>
    <t>10:30:52</t>
  </si>
  <si>
    <t>11:00:25</t>
  </si>
  <si>
    <t>11:30:27</t>
  </si>
  <si>
    <t>12:00:43</t>
  </si>
  <si>
    <t>12:30:46</t>
  </si>
  <si>
    <t>13:00:48</t>
  </si>
  <si>
    <t>13:30:20</t>
  </si>
  <si>
    <t>14:03:12</t>
  </si>
  <si>
    <t>14:10:12</t>
  </si>
  <si>
    <t>14:17:12</t>
  </si>
  <si>
    <t>14:33:46</t>
  </si>
  <si>
    <t>14:40:46</t>
  </si>
  <si>
    <t>14:47:46</t>
  </si>
  <si>
    <t>15:03:56</t>
  </si>
  <si>
    <t>15:10:56</t>
  </si>
  <si>
    <t>15:17:56</t>
  </si>
  <si>
    <t>15:34:59</t>
  </si>
  <si>
    <t>15:41:59</t>
  </si>
  <si>
    <t>15:48:59</t>
  </si>
  <si>
    <t>16:05:03</t>
  </si>
  <si>
    <t>16:12:03</t>
  </si>
  <si>
    <t>16:19:03</t>
  </si>
  <si>
    <t>16:30:38</t>
  </si>
  <si>
    <t>16:58:45</t>
  </si>
  <si>
    <t>17:28:31</t>
  </si>
  <si>
    <t>17:58:18</t>
  </si>
  <si>
    <t>Réalisateur: Christian De Vita, Réalisateur: Merle-Anne Ridley, Réalisateur: Wilson Dos SantosRéalisateur: Merle-Anne Ridley</t>
  </si>
  <si>
    <t>18:28:06</t>
  </si>
  <si>
    <t>18:56:22</t>
  </si>
  <si>
    <t>19:26:11</t>
  </si>
  <si>
    <t>19:58:18</t>
  </si>
  <si>
    <t>20:05:18</t>
  </si>
  <si>
    <t>20:12:18</t>
  </si>
  <si>
    <t>20:28:32</t>
  </si>
  <si>
    <t>20:59:13</t>
  </si>
  <si>
    <t>21:29:00</t>
  </si>
  <si>
    <t>Arrivederci, Giovanni ! / Oxana prend les rênes de la fête.</t>
  </si>
  <si>
    <t>Giovanni quitte les Hantley pour travailler à Paris et un monstre se forme dans la cuisine de la famille. / Oxana ajoute sa touche personnelle à la fête de l'école.</t>
  </si>
  <si>
    <t>21:58:48</t>
  </si>
  <si>
    <t>22:29:24</t>
  </si>
  <si>
    <t>23:29:22</t>
  </si>
  <si>
    <t>Vampirina et les monstrueuses en tournée S2 Ep 12</t>
  </si>
  <si>
    <t>FR79776-HDTX</t>
  </si>
  <si>
    <t>23:31:41</t>
  </si>
  <si>
    <t>23:57:21</t>
  </si>
  <si>
    <t>06:32:20</t>
  </si>
  <si>
    <t>07:04:53</t>
  </si>
  <si>
    <t>07:11:53</t>
  </si>
  <si>
    <t>07:18:53</t>
  </si>
  <si>
    <t>07:34:47</t>
  </si>
  <si>
    <t>07:41:47</t>
  </si>
  <si>
    <t>07:48:47</t>
  </si>
  <si>
    <t>08:00:27</t>
  </si>
  <si>
    <t>08:31:22</t>
  </si>
  <si>
    <t>09:03:24</t>
  </si>
  <si>
    <t>LA MAISON DE MICKEY : MICKEY ET LES MONSTRES EN FÊTE</t>
  </si>
  <si>
    <t>Mickey et Minnie décident de faire un pique-nique, mais un orage les oblige à se réfugier dans le château hanté du Comte Mikula, où ils vont rencontrer de nombreux monstres gentils, amateurs de musique.</t>
  </si>
  <si>
    <t>FR32687-HDTX</t>
  </si>
  <si>
    <t>09:58:52</t>
  </si>
  <si>
    <t>10:31:28</t>
  </si>
  <si>
    <t>11:01:00</t>
  </si>
  <si>
    <t>11:31:18</t>
  </si>
  <si>
    <t>Réalisateur: Leigh Fieldhouse, Réalisateur: Ehud Landsberg</t>
  </si>
  <si>
    <t>12:01:19</t>
  </si>
  <si>
    <t>12:31:26</t>
  </si>
  <si>
    <t>13:01:29</t>
  </si>
  <si>
    <t>13:31:30</t>
  </si>
  <si>
    <t>14:02:01</t>
  </si>
  <si>
    <t>14:09:01</t>
  </si>
  <si>
    <t>14:15:52</t>
  </si>
  <si>
    <t>14:32:02</t>
  </si>
  <si>
    <t>14:39:02</t>
  </si>
  <si>
    <t>14:46:02</t>
  </si>
  <si>
    <t>15:02:11</t>
  </si>
  <si>
    <t>15:09:11</t>
  </si>
  <si>
    <t>15:16:11</t>
  </si>
  <si>
    <t>15:33:29</t>
  </si>
  <si>
    <t>15:40:28</t>
  </si>
  <si>
    <t>15:47:28</t>
  </si>
  <si>
    <t>16:03:18</t>
  </si>
  <si>
    <t>16:10:18</t>
  </si>
  <si>
    <t>16:17:18</t>
  </si>
  <si>
    <t>16:28:53</t>
  </si>
  <si>
    <t>16:59:05</t>
  </si>
  <si>
    <t>17:28:07</t>
  </si>
  <si>
    <t>17:58:39</t>
  </si>
  <si>
    <t>18:29:10</t>
  </si>
  <si>
    <t>18:59:21</t>
  </si>
  <si>
    <t>19:28:55</t>
  </si>
  <si>
    <t>20:01:02</t>
  </si>
  <si>
    <t>20:08:02</t>
  </si>
  <si>
    <t>20:15:02</t>
  </si>
  <si>
    <t>20:26:37</t>
  </si>
  <si>
    <t>20:57:04</t>
  </si>
  <si>
    <t>21:27:05</t>
  </si>
  <si>
    <t>Le petit frère de Gregoria /A la recherche du Yéti</t>
  </si>
  <si>
    <t>Hugo, le frère de Gregoria, doux et symapthique, vient à l'auberge. Les Hauntley le préféreront-ils à Gregoria ? Bob, le Yéti qui s'était annoncé n'arrive pas. Vampirina, envoie alors Edgar, le plus grand fan du yéti, à sa recherche.</t>
  </si>
  <si>
    <t>21:59:27</t>
  </si>
  <si>
    <t>22:29:58</t>
  </si>
  <si>
    <t>23:28:58</t>
  </si>
  <si>
    <t>Vampirina et les monstrueuses en tournée S2 Ep 11</t>
  </si>
  <si>
    <t>FR79775-HDTX</t>
  </si>
  <si>
    <t>23:31:17</t>
  </si>
  <si>
    <t>23:56:57</t>
  </si>
  <si>
    <t>LA MAISON DE MICKEY: CAPITAINE MICKEY ET LES PIRATES</t>
  </si>
  <si>
    <t>Réalisateur: Donovan Cook</t>
  </si>
  <si>
    <t>Mickey et ses amis aident le grand-père de Dingo, le capitaine Barbe-Dingo à retrouver son trésor.</t>
  </si>
  <si>
    <t>FR31524-HDTX</t>
  </si>
  <si>
    <t>Réalisateur: Stephanie Arnett, Réalisateur: Trevor WallRéalisateur: Trevor Wall</t>
  </si>
  <si>
    <t>Réalisateur: Mircea Mantta, Réalisateur: Jamie MitchellRéalisateur: Jamie Mitchell</t>
  </si>
  <si>
    <t>Vampirina et les monstrueuses en tournée S2 Ep 10</t>
  </si>
  <si>
    <t>FR79774-HDTX</t>
  </si>
  <si>
    <t>Réalisateur: Rob LaDuca, Réalisateur: Donovan Cook, Réalisateur: Vic Cook, Réalisateur: Sherie Pollack, Interprète: They Might Be GiantsRéalisateur: Vic Cook, Réalisateur: Donovan Cook, Réalisateur: Rob LaDuca, Réalisateur: Sherie Pollack, Interprète: They Might Be Giants</t>
  </si>
  <si>
    <t>LA MAISON DE MICKEY : LA COLLECTION HIVER DE MINNIE</t>
  </si>
  <si>
    <t>Minnie part à l’aventure avec ses nièces car elle a oublié qu’elle devait jouer avec elles.</t>
  </si>
  <si>
    <t>FR32686-HDTX</t>
  </si>
  <si>
    <t>L’effroyable Noël de Gregoria / Fièvre acheteuse</t>
  </si>
  <si>
    <t>Vampirina et sa famille sont enchantées de fêter Nöel à la façon des humains. Gregoria, elle, est moins enthousiaste. /Les Hauntley découvrent un nouveau service qui leur permet de se faire livrer des produits transylvaniens à domicile.</t>
  </si>
  <si>
    <t>Vampirina et les monstrueuses en tournée S2 Ep 8</t>
  </si>
  <si>
    <t>FR79780-HDTX</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 x14ac:knownFonts="1">
    <font>
      <sz val="11"/>
      <color theme="1"/>
      <name val="Calibri"/>
      <family val="2"/>
      <scheme val="minor"/>
    </font>
    <font>
      <b/>
      <i/>
      <sz val="10"/>
      <color indexed="8"/>
      <name val="Arial"/>
      <family val="2"/>
    </font>
    <font>
      <sz val="10"/>
      <color indexed="8"/>
      <name val="Arial"/>
      <family val="2"/>
    </font>
    <font>
      <b/>
      <i/>
      <sz val="11"/>
      <color indexed="8"/>
      <name val="Calibri"/>
      <family val="2"/>
    </font>
  </fonts>
  <fills count="2">
    <fill>
      <patternFill patternType="none"/>
    </fill>
    <fill>
      <patternFill patternType="gray125"/>
    </fill>
  </fills>
  <borders count="1">
    <border>
      <left/>
      <right/>
      <top/>
      <bottom/>
      <diagonal/>
    </border>
  </borders>
  <cellStyleXfs count="1">
    <xf numFmtId="0" fontId="0" fillId="0" borderId="0"/>
  </cellStyleXfs>
  <cellXfs count="10">
    <xf numFmtId="0" fontId="0" fillId="0" borderId="0" xfId="0"/>
    <xf numFmtId="0" fontId="1" fillId="0" borderId="0" xfId="0" applyFont="1" applyAlignment="1"/>
    <xf numFmtId="0" fontId="2" fillId="0" borderId="0" xfId="0" applyFont="1" applyAlignment="1"/>
    <xf numFmtId="14" fontId="2" fillId="0" borderId="0" xfId="0" applyNumberFormat="1" applyFont="1" applyAlignment="1"/>
    <xf numFmtId="21" fontId="2" fillId="0" borderId="0" xfId="0" applyNumberFormat="1" applyFont="1" applyAlignment="1"/>
    <xf numFmtId="0" fontId="1" fillId="0" borderId="0" xfId="0" applyFont="1"/>
    <xf numFmtId="0" fontId="3" fillId="0" borderId="0" xfId="0" applyFont="1"/>
    <xf numFmtId="0" fontId="1" fillId="0" borderId="0" xfId="0" applyFont="1" applyAlignment="1">
      <alignment horizontal="right"/>
    </xf>
    <xf numFmtId="0" fontId="2" fillId="0" borderId="0" xfId="0" applyFont="1" applyAlignment="1">
      <alignment horizontal="right"/>
    </xf>
    <xf numFmtId="0" fontId="2" fillId="0" borderId="0" xfId="0" applyFont="1"/>
  </cellXfs>
  <cellStyles count="1">
    <cellStyle name="Normal" xfId="0" builtinId="0"/>
  </cellStyles>
  <dxfs count="25">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numFmt numFmtId="26" formatCode="hh:mm:ss"/>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numFmt numFmtId="19" formatCode="dd/mm/yyyy"/>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i/>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border diagonalUp="0" diagonalDown="0">
        <left style="thin">
          <color auto="1"/>
        </left>
        <right style="thin">
          <color auto="1"/>
        </right>
        <top style="thin">
          <color auto="1"/>
        </top>
        <bottom style="thin">
          <color auto="1"/>
        </bottom>
        <vertical style="thin">
          <color auto="1"/>
        </vertical>
        <horizontal style="thin">
          <color auto="1"/>
        </horizontal>
      </border>
    </dxf>
  </dxfs>
  <tableStyles count="1" defaultTableStyle="TableStyleMedium2" defaultPivotStyle="PivotStyleLight16">
    <tableStyle name="Table Style 1" pivot="0" count="1">
      <tableStyleElement type="wholeTable" dxfId="24"/>
    </tableStyle>
  </tableStyle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ables/table1.xml><?xml version="1.0" encoding="utf-8"?>
<table xmlns="http://schemas.openxmlformats.org/spreadsheetml/2006/main" id="1" name="Table1" displayName="Table1" ref="A1:V330" totalsRowShown="0" headerRowDxfId="23" dataDxfId="22">
  <autoFilter ref="A1:V330"/>
  <tableColumns count="22">
    <tableColumn id="1" name="Channel" dataDxfId="21"/>
    <tableColumn id="2" name="TX Date" dataDxfId="20"/>
    <tableColumn id="3" name="Day" dataDxfId="19"/>
    <tableColumn id="4" name="TX Time" dataDxfId="18"/>
    <tableColumn id="5" name="Series Title" dataDxfId="17"/>
    <tableColumn id="6" name="Episode Title" dataDxfId="16"/>
    <tableColumn id="7" name="Episode No" dataDxfId="15"/>
    <tableColumn id="8" name="Season" dataDxfId="14"/>
    <tableColumn id="9" name="Cast Info" dataDxfId="13"/>
    <tableColumn id="10" name="Synopsis" dataDxfId="12"/>
    <tableColumn id="11" name="Programme Type" dataDxfId="11"/>
    <tableColumn id="12" name="Genre" dataDxfId="10"/>
    <tableColumn id="13" name="Production Country" dataDxfId="9"/>
    <tableColumn id="14" name="Production Year" dataDxfId="8"/>
    <tableColumn id="15" name="Duration" dataDxfId="7"/>
    <tableColumn id="16" name="IDSubtitle" dataDxfId="6"/>
    <tableColumn id="17" name="Sound" dataDxfId="5"/>
    <tableColumn id="18" name="Programme Format" dataDxfId="4"/>
    <tableColumn id="19" name="TX ID" dataDxfId="3"/>
    <tableColumn id="20" name="Inedit" dataDxfId="2"/>
    <tableColumn id="21" name="LSF" dataDxfId="1"/>
    <tableColumn id="22" name="Audio Described" dataDxfId="0"/>
  </tableColumns>
  <tableStyleInfo name="Table Style 1"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331"/>
  <sheetViews>
    <sheetView workbookViewId="0">
      <selection activeCell="X8" sqref="X8"/>
    </sheetView>
  </sheetViews>
  <sheetFormatPr defaultRowHeight="15" x14ac:dyDescent="0.25"/>
  <cols>
    <col min="1" max="1" width="4.85546875" customWidth="1"/>
    <col min="2" max="2" width="10.5703125" customWidth="1"/>
    <col min="3" max="3" width="7.5703125" customWidth="1"/>
    <col min="4" max="4" width="10.5703125" customWidth="1"/>
    <col min="5" max="6" width="37.140625" customWidth="1"/>
    <col min="7" max="14" width="4.85546875" customWidth="1"/>
    <col min="15" max="15" width="7.140625" customWidth="1"/>
    <col min="16" max="18" width="4.85546875" customWidth="1"/>
    <col min="19" max="19" width="12.5703125" customWidth="1"/>
    <col min="20" max="20" width="10.140625" customWidth="1"/>
    <col min="21" max="22" width="4.85546875" customWidth="1"/>
  </cols>
  <sheetData>
    <row r="1" spans="1:23" x14ac:dyDescent="0.25">
      <c r="A1" s="1" t="s">
        <v>842</v>
      </c>
      <c r="B1" s="1" t="s">
        <v>0</v>
      </c>
      <c r="C1" s="1" t="s">
        <v>1</v>
      </c>
      <c r="D1" s="1" t="s">
        <v>2</v>
      </c>
      <c r="E1" s="1" t="s">
        <v>3</v>
      </c>
      <c r="F1" s="1" t="s">
        <v>4</v>
      </c>
      <c r="G1" s="1" t="s">
        <v>5</v>
      </c>
      <c r="H1" s="1" t="s">
        <v>6</v>
      </c>
      <c r="I1" s="1" t="s">
        <v>7</v>
      </c>
      <c r="J1" s="1" t="s">
        <v>8</v>
      </c>
      <c r="K1" s="1" t="s">
        <v>9</v>
      </c>
      <c r="L1" s="1" t="s">
        <v>10</v>
      </c>
      <c r="M1" s="1" t="s">
        <v>11</v>
      </c>
      <c r="N1" s="1" t="s">
        <v>12</v>
      </c>
      <c r="O1" s="1" t="s">
        <v>13</v>
      </c>
      <c r="P1" s="1" t="s">
        <v>14</v>
      </c>
      <c r="Q1" s="1" t="s">
        <v>15</v>
      </c>
      <c r="R1" s="1" t="s">
        <v>16</v>
      </c>
      <c r="S1" s="1" t="s">
        <v>17</v>
      </c>
      <c r="T1" s="1" t="s">
        <v>18</v>
      </c>
      <c r="U1" s="1" t="s">
        <v>19</v>
      </c>
      <c r="V1" s="1" t="s">
        <v>20</v>
      </c>
      <c r="W1" s="6"/>
    </row>
    <row r="2" spans="1:23" x14ac:dyDescent="0.25">
      <c r="A2" s="2" t="s">
        <v>843</v>
      </c>
      <c r="B2" s="3" t="s">
        <v>22</v>
      </c>
      <c r="C2" s="2" t="s">
        <v>23</v>
      </c>
      <c r="D2" s="4" t="s">
        <v>24</v>
      </c>
      <c r="E2" s="2" t="s">
        <v>844</v>
      </c>
      <c r="F2" s="2" t="s">
        <v>845</v>
      </c>
      <c r="G2" s="2" t="s">
        <v>574</v>
      </c>
      <c r="H2" s="2" t="s">
        <v>27</v>
      </c>
      <c r="I2" s="2" t="s">
        <v>846</v>
      </c>
      <c r="J2" s="2" t="s">
        <v>847</v>
      </c>
      <c r="K2" s="2" t="s">
        <v>29</v>
      </c>
      <c r="L2" s="2" t="s">
        <v>30</v>
      </c>
      <c r="M2" s="2" t="s">
        <v>116</v>
      </c>
      <c r="N2" s="2" t="s">
        <v>220</v>
      </c>
      <c r="O2" s="2" t="s">
        <v>189</v>
      </c>
      <c r="P2" s="2" t="s">
        <v>34</v>
      </c>
      <c r="Q2" s="2" t="s">
        <v>34</v>
      </c>
      <c r="R2" s="2" t="s">
        <v>35</v>
      </c>
      <c r="S2" s="2" t="s">
        <v>848</v>
      </c>
      <c r="T2" s="2" t="s">
        <v>34</v>
      </c>
      <c r="U2" s="2" t="s">
        <v>34</v>
      </c>
      <c r="V2" s="2" t="s">
        <v>34</v>
      </c>
    </row>
    <row r="3" spans="1:23" x14ac:dyDescent="0.25">
      <c r="A3" s="2" t="s">
        <v>843</v>
      </c>
      <c r="B3" s="3" t="s">
        <v>22</v>
      </c>
      <c r="C3" s="2" t="s">
        <v>23</v>
      </c>
      <c r="D3" s="4" t="s">
        <v>849</v>
      </c>
      <c r="E3" s="2" t="s">
        <v>844</v>
      </c>
      <c r="F3" s="2" t="s">
        <v>850</v>
      </c>
      <c r="G3" s="2" t="s">
        <v>540</v>
      </c>
      <c r="H3" s="2" t="s">
        <v>27</v>
      </c>
      <c r="I3" s="2" t="s">
        <v>846</v>
      </c>
      <c r="J3" s="2" t="s">
        <v>851</v>
      </c>
      <c r="K3" s="2" t="s">
        <v>29</v>
      </c>
      <c r="L3" s="2" t="s">
        <v>30</v>
      </c>
      <c r="M3" s="2" t="s">
        <v>116</v>
      </c>
      <c r="N3" s="2" t="s">
        <v>220</v>
      </c>
      <c r="O3" s="2" t="s">
        <v>189</v>
      </c>
      <c r="P3" s="2" t="s">
        <v>34</v>
      </c>
      <c r="Q3" s="2" t="s">
        <v>34</v>
      </c>
      <c r="R3" s="2" t="s">
        <v>35</v>
      </c>
      <c r="S3" s="2" t="s">
        <v>852</v>
      </c>
      <c r="T3" s="2" t="s">
        <v>34</v>
      </c>
      <c r="U3" s="2" t="s">
        <v>34</v>
      </c>
      <c r="V3" s="2" t="s">
        <v>34</v>
      </c>
    </row>
    <row r="4" spans="1:23" x14ac:dyDescent="0.25">
      <c r="A4" s="2" t="s">
        <v>843</v>
      </c>
      <c r="B4" s="3" t="s">
        <v>22</v>
      </c>
      <c r="C4" s="2" t="s">
        <v>23</v>
      </c>
      <c r="D4" s="4" t="s">
        <v>41</v>
      </c>
      <c r="E4" s="2" t="s">
        <v>853</v>
      </c>
      <c r="F4" s="2" t="s">
        <v>854</v>
      </c>
      <c r="G4" s="2" t="s">
        <v>27</v>
      </c>
      <c r="H4" s="2" t="s">
        <v>45</v>
      </c>
      <c r="I4" s="2" t="s">
        <v>855</v>
      </c>
      <c r="J4" s="2" t="s">
        <v>856</v>
      </c>
      <c r="K4" s="2" t="s">
        <v>29</v>
      </c>
      <c r="L4" s="2" t="s">
        <v>30</v>
      </c>
      <c r="M4" s="2" t="s">
        <v>116</v>
      </c>
      <c r="N4" s="2" t="s">
        <v>220</v>
      </c>
      <c r="O4" s="2" t="s">
        <v>189</v>
      </c>
      <c r="P4" s="2" t="s">
        <v>118</v>
      </c>
      <c r="Q4" s="2" t="s">
        <v>857</v>
      </c>
      <c r="R4" s="2" t="s">
        <v>35</v>
      </c>
      <c r="S4" s="2" t="s">
        <v>858</v>
      </c>
      <c r="T4" s="2" t="s">
        <v>34</v>
      </c>
      <c r="U4" s="2" t="s">
        <v>34</v>
      </c>
      <c r="V4" s="2" t="s">
        <v>34</v>
      </c>
    </row>
    <row r="5" spans="1:23" x14ac:dyDescent="0.25">
      <c r="A5" s="2" t="s">
        <v>843</v>
      </c>
      <c r="B5" s="3" t="s">
        <v>22</v>
      </c>
      <c r="C5" s="2" t="s">
        <v>23</v>
      </c>
      <c r="D5" s="4" t="s">
        <v>859</v>
      </c>
      <c r="E5" s="2" t="s">
        <v>853</v>
      </c>
      <c r="F5" s="2" t="s">
        <v>860</v>
      </c>
      <c r="G5" s="2" t="s">
        <v>86</v>
      </c>
      <c r="H5" s="2" t="s">
        <v>45</v>
      </c>
      <c r="I5" s="2" t="s">
        <v>861</v>
      </c>
      <c r="J5" s="2" t="s">
        <v>862</v>
      </c>
      <c r="K5" s="2" t="s">
        <v>29</v>
      </c>
      <c r="L5" s="2" t="s">
        <v>30</v>
      </c>
      <c r="M5" s="2" t="s">
        <v>116</v>
      </c>
      <c r="N5" s="2" t="s">
        <v>220</v>
      </c>
      <c r="O5" s="2" t="s">
        <v>189</v>
      </c>
      <c r="P5" s="2" t="s">
        <v>118</v>
      </c>
      <c r="Q5" s="2" t="s">
        <v>857</v>
      </c>
      <c r="R5" s="2" t="s">
        <v>35</v>
      </c>
      <c r="S5" s="2" t="s">
        <v>863</v>
      </c>
      <c r="T5" s="2" t="s">
        <v>34</v>
      </c>
      <c r="U5" s="2" t="s">
        <v>34</v>
      </c>
      <c r="V5" s="2" t="s">
        <v>34</v>
      </c>
    </row>
    <row r="6" spans="1:23" x14ac:dyDescent="0.25">
      <c r="A6" s="2" t="s">
        <v>843</v>
      </c>
      <c r="B6" s="3" t="s">
        <v>22</v>
      </c>
      <c r="C6" s="2" t="s">
        <v>23</v>
      </c>
      <c r="D6" s="4" t="s">
        <v>864</v>
      </c>
      <c r="E6" s="2" t="s">
        <v>865</v>
      </c>
      <c r="F6" s="2" t="s">
        <v>866</v>
      </c>
      <c r="G6" s="2" t="s">
        <v>70</v>
      </c>
      <c r="H6" s="2" t="s">
        <v>45</v>
      </c>
      <c r="I6" s="2" t="s">
        <v>34</v>
      </c>
      <c r="J6" s="2" t="s">
        <v>867</v>
      </c>
      <c r="K6" s="2" t="s">
        <v>29</v>
      </c>
      <c r="L6" s="2" t="s">
        <v>30</v>
      </c>
      <c r="M6" s="2" t="s">
        <v>31</v>
      </c>
      <c r="N6" s="2" t="s">
        <v>183</v>
      </c>
      <c r="O6" s="2" t="s">
        <v>249</v>
      </c>
      <c r="P6" s="2" t="s">
        <v>118</v>
      </c>
      <c r="Q6" s="2" t="s">
        <v>34</v>
      </c>
      <c r="R6" s="2" t="s">
        <v>35</v>
      </c>
      <c r="S6" s="2" t="s">
        <v>868</v>
      </c>
      <c r="T6" s="2" t="s">
        <v>34</v>
      </c>
      <c r="U6" s="2" t="s">
        <v>34</v>
      </c>
      <c r="V6" s="2" t="s">
        <v>34</v>
      </c>
    </row>
    <row r="7" spans="1:23" x14ac:dyDescent="0.25">
      <c r="A7" s="2" t="s">
        <v>843</v>
      </c>
      <c r="B7" s="3" t="s">
        <v>22</v>
      </c>
      <c r="C7" s="2" t="s">
        <v>23</v>
      </c>
      <c r="D7" s="4" t="s">
        <v>869</v>
      </c>
      <c r="E7" s="2" t="s">
        <v>870</v>
      </c>
      <c r="F7" s="2" t="s">
        <v>34</v>
      </c>
      <c r="G7" s="2" t="s">
        <v>34</v>
      </c>
      <c r="H7" s="2" t="s">
        <v>34</v>
      </c>
      <c r="I7" s="2" t="s">
        <v>34</v>
      </c>
      <c r="J7" s="2" t="s">
        <v>34</v>
      </c>
      <c r="K7" s="2" t="s">
        <v>115</v>
      </c>
      <c r="L7" s="2" t="s">
        <v>30</v>
      </c>
      <c r="M7" s="2" t="s">
        <v>31</v>
      </c>
      <c r="N7" s="2" t="s">
        <v>49</v>
      </c>
      <c r="O7" s="2" t="s">
        <v>117</v>
      </c>
      <c r="P7" s="2" t="s">
        <v>118</v>
      </c>
      <c r="Q7" s="2" t="s">
        <v>34</v>
      </c>
      <c r="R7" s="2" t="s">
        <v>35</v>
      </c>
      <c r="S7" s="2" t="s">
        <v>871</v>
      </c>
      <c r="T7" s="2" t="s">
        <v>34</v>
      </c>
      <c r="U7" s="2" t="s">
        <v>34</v>
      </c>
      <c r="V7" s="2" t="s">
        <v>34</v>
      </c>
    </row>
    <row r="8" spans="1:23" x14ac:dyDescent="0.25">
      <c r="A8" s="2" t="s">
        <v>843</v>
      </c>
      <c r="B8" s="3" t="s">
        <v>22</v>
      </c>
      <c r="C8" s="2" t="s">
        <v>23</v>
      </c>
      <c r="D8" s="4" t="s">
        <v>872</v>
      </c>
      <c r="E8" s="2" t="s">
        <v>853</v>
      </c>
      <c r="F8" s="2" t="s">
        <v>873</v>
      </c>
      <c r="G8" s="2" t="s">
        <v>449</v>
      </c>
      <c r="H8" s="2" t="s">
        <v>27</v>
      </c>
      <c r="I8" s="2" t="s">
        <v>861</v>
      </c>
      <c r="J8" s="2" t="s">
        <v>874</v>
      </c>
      <c r="K8" s="2" t="s">
        <v>29</v>
      </c>
      <c r="L8" s="2" t="s">
        <v>30</v>
      </c>
      <c r="M8" s="2" t="s">
        <v>116</v>
      </c>
      <c r="N8" s="2" t="s">
        <v>525</v>
      </c>
      <c r="O8" s="2" t="s">
        <v>189</v>
      </c>
      <c r="P8" s="2" t="s">
        <v>118</v>
      </c>
      <c r="Q8" s="2" t="s">
        <v>34</v>
      </c>
      <c r="R8" s="2" t="s">
        <v>35</v>
      </c>
      <c r="S8" s="2" t="s">
        <v>875</v>
      </c>
      <c r="T8" s="2" t="s">
        <v>34</v>
      </c>
      <c r="U8" s="2" t="s">
        <v>34</v>
      </c>
      <c r="V8" s="2" t="s">
        <v>34</v>
      </c>
    </row>
    <row r="9" spans="1:23" x14ac:dyDescent="0.25">
      <c r="A9" s="2" t="s">
        <v>843</v>
      </c>
      <c r="B9" s="3" t="s">
        <v>22</v>
      </c>
      <c r="C9" s="2" t="s">
        <v>23</v>
      </c>
      <c r="D9" s="4" t="s">
        <v>876</v>
      </c>
      <c r="E9" s="2" t="s">
        <v>853</v>
      </c>
      <c r="F9" s="2" t="s">
        <v>877</v>
      </c>
      <c r="G9" s="2" t="s">
        <v>453</v>
      </c>
      <c r="H9" s="2" t="s">
        <v>27</v>
      </c>
      <c r="I9" s="2" t="s">
        <v>861</v>
      </c>
      <c r="J9" s="2" t="s">
        <v>878</v>
      </c>
      <c r="K9" s="2" t="s">
        <v>29</v>
      </c>
      <c r="L9" s="2" t="s">
        <v>30</v>
      </c>
      <c r="M9" s="2" t="s">
        <v>116</v>
      </c>
      <c r="N9" s="2" t="s">
        <v>525</v>
      </c>
      <c r="O9" s="2" t="s">
        <v>189</v>
      </c>
      <c r="P9" s="2" t="s">
        <v>118</v>
      </c>
      <c r="Q9" s="2" t="s">
        <v>34</v>
      </c>
      <c r="R9" s="2" t="s">
        <v>35</v>
      </c>
      <c r="S9" s="2" t="s">
        <v>879</v>
      </c>
      <c r="T9" s="2" t="s">
        <v>34</v>
      </c>
      <c r="U9" s="2" t="s">
        <v>34</v>
      </c>
      <c r="V9" s="2" t="s">
        <v>34</v>
      </c>
    </row>
    <row r="10" spans="1:23" x14ac:dyDescent="0.25">
      <c r="A10" s="2" t="s">
        <v>843</v>
      </c>
      <c r="B10" s="3" t="s">
        <v>22</v>
      </c>
      <c r="C10" s="2" t="s">
        <v>23</v>
      </c>
      <c r="D10" s="4" t="s">
        <v>880</v>
      </c>
      <c r="E10" s="2" t="s">
        <v>853</v>
      </c>
      <c r="F10" s="2" t="s">
        <v>881</v>
      </c>
      <c r="G10" s="2" t="s">
        <v>458</v>
      </c>
      <c r="H10" s="2" t="s">
        <v>27</v>
      </c>
      <c r="I10" s="2" t="s">
        <v>861</v>
      </c>
      <c r="J10" s="2" t="s">
        <v>882</v>
      </c>
      <c r="K10" s="2" t="s">
        <v>29</v>
      </c>
      <c r="L10" s="2" t="s">
        <v>30</v>
      </c>
      <c r="M10" s="2" t="s">
        <v>116</v>
      </c>
      <c r="N10" s="2" t="s">
        <v>525</v>
      </c>
      <c r="O10" s="2" t="s">
        <v>189</v>
      </c>
      <c r="P10" s="2" t="s">
        <v>118</v>
      </c>
      <c r="Q10" s="2" t="s">
        <v>34</v>
      </c>
      <c r="R10" s="2" t="s">
        <v>35</v>
      </c>
      <c r="S10" s="2" t="s">
        <v>883</v>
      </c>
      <c r="T10" s="2" t="s">
        <v>34</v>
      </c>
      <c r="U10" s="2" t="s">
        <v>34</v>
      </c>
      <c r="V10" s="2" t="s">
        <v>34</v>
      </c>
    </row>
    <row r="11" spans="1:23" x14ac:dyDescent="0.25">
      <c r="A11" s="2" t="s">
        <v>843</v>
      </c>
      <c r="B11" s="3" t="s">
        <v>22</v>
      </c>
      <c r="C11" s="2" t="s">
        <v>23</v>
      </c>
      <c r="D11" s="4" t="s">
        <v>884</v>
      </c>
      <c r="E11" s="2" t="s">
        <v>853</v>
      </c>
      <c r="F11" s="2" t="s">
        <v>885</v>
      </c>
      <c r="G11" s="2" t="s">
        <v>424</v>
      </c>
      <c r="H11" s="2" t="s">
        <v>27</v>
      </c>
      <c r="I11" s="2" t="s">
        <v>861</v>
      </c>
      <c r="J11" s="2" t="s">
        <v>886</v>
      </c>
      <c r="K11" s="2" t="s">
        <v>29</v>
      </c>
      <c r="L11" s="2" t="s">
        <v>30</v>
      </c>
      <c r="M11" s="2" t="s">
        <v>116</v>
      </c>
      <c r="N11" s="2" t="s">
        <v>525</v>
      </c>
      <c r="O11" s="2" t="s">
        <v>189</v>
      </c>
      <c r="P11" s="2" t="s">
        <v>118</v>
      </c>
      <c r="Q11" s="2" t="s">
        <v>34</v>
      </c>
      <c r="R11" s="2" t="s">
        <v>35</v>
      </c>
      <c r="S11" s="2" t="s">
        <v>887</v>
      </c>
      <c r="T11" s="2" t="s">
        <v>34</v>
      </c>
      <c r="U11" s="2" t="s">
        <v>34</v>
      </c>
      <c r="V11" s="2" t="s">
        <v>34</v>
      </c>
    </row>
    <row r="12" spans="1:23" x14ac:dyDescent="0.25">
      <c r="A12" s="2" t="s">
        <v>843</v>
      </c>
      <c r="B12" s="3" t="s">
        <v>22</v>
      </c>
      <c r="C12" s="2" t="s">
        <v>23</v>
      </c>
      <c r="D12" s="4" t="s">
        <v>112</v>
      </c>
      <c r="E12" s="2" t="s">
        <v>853</v>
      </c>
      <c r="F12" s="2" t="s">
        <v>888</v>
      </c>
      <c r="G12" s="2" t="s">
        <v>429</v>
      </c>
      <c r="H12" s="2" t="s">
        <v>27</v>
      </c>
      <c r="I12" s="2" t="s">
        <v>861</v>
      </c>
      <c r="J12" s="2" t="s">
        <v>889</v>
      </c>
      <c r="K12" s="2" t="s">
        <v>29</v>
      </c>
      <c r="L12" s="2" t="s">
        <v>30</v>
      </c>
      <c r="M12" s="2" t="s">
        <v>116</v>
      </c>
      <c r="N12" s="2" t="s">
        <v>525</v>
      </c>
      <c r="O12" s="2" t="s">
        <v>189</v>
      </c>
      <c r="P12" s="2" t="s">
        <v>118</v>
      </c>
      <c r="Q12" s="2" t="s">
        <v>34</v>
      </c>
      <c r="R12" s="2" t="s">
        <v>35</v>
      </c>
      <c r="S12" s="2" t="s">
        <v>890</v>
      </c>
      <c r="T12" s="2" t="s">
        <v>34</v>
      </c>
      <c r="U12" s="2" t="s">
        <v>34</v>
      </c>
      <c r="V12" s="2" t="s">
        <v>34</v>
      </c>
    </row>
    <row r="13" spans="1:23" x14ac:dyDescent="0.25">
      <c r="A13" s="2" t="s">
        <v>843</v>
      </c>
      <c r="B13" s="3" t="s">
        <v>22</v>
      </c>
      <c r="C13" s="2" t="s">
        <v>23</v>
      </c>
      <c r="D13" s="4" t="s">
        <v>891</v>
      </c>
      <c r="E13" s="2" t="s">
        <v>892</v>
      </c>
      <c r="F13" s="2" t="s">
        <v>893</v>
      </c>
      <c r="G13" s="2" t="s">
        <v>133</v>
      </c>
      <c r="H13" s="2" t="s">
        <v>45</v>
      </c>
      <c r="I13" s="2" t="s">
        <v>34</v>
      </c>
      <c r="J13" s="2" t="s">
        <v>894</v>
      </c>
      <c r="K13" s="2" t="s">
        <v>29</v>
      </c>
      <c r="L13" s="2" t="s">
        <v>895</v>
      </c>
      <c r="M13" s="2" t="s">
        <v>31</v>
      </c>
      <c r="N13" s="2" t="s">
        <v>183</v>
      </c>
      <c r="O13" s="2" t="s">
        <v>249</v>
      </c>
      <c r="P13" s="2" t="s">
        <v>118</v>
      </c>
      <c r="Q13" s="2" t="s">
        <v>34</v>
      </c>
      <c r="R13" s="2" t="s">
        <v>35</v>
      </c>
      <c r="S13" s="2" t="s">
        <v>896</v>
      </c>
      <c r="T13" s="2" t="s">
        <v>34</v>
      </c>
      <c r="U13" s="2" t="s">
        <v>34</v>
      </c>
      <c r="V13" s="2" t="s">
        <v>34</v>
      </c>
    </row>
    <row r="14" spans="1:23" x14ac:dyDescent="0.25">
      <c r="A14" s="2" t="s">
        <v>843</v>
      </c>
      <c r="B14" s="3" t="s">
        <v>22</v>
      </c>
      <c r="C14" s="2" t="s">
        <v>23</v>
      </c>
      <c r="D14" s="4" t="s">
        <v>127</v>
      </c>
      <c r="E14" s="2" t="s">
        <v>897</v>
      </c>
      <c r="F14" s="2" t="s">
        <v>898</v>
      </c>
      <c r="G14" s="2" t="s">
        <v>172</v>
      </c>
      <c r="H14" s="2" t="s">
        <v>45</v>
      </c>
      <c r="I14" s="2" t="s">
        <v>899</v>
      </c>
      <c r="J14" s="2" t="s">
        <v>900</v>
      </c>
      <c r="K14" s="2" t="s">
        <v>29</v>
      </c>
      <c r="L14" s="2" t="s">
        <v>30</v>
      </c>
      <c r="M14" s="2" t="s">
        <v>31</v>
      </c>
      <c r="N14" s="2" t="s">
        <v>183</v>
      </c>
      <c r="O14" s="2" t="s">
        <v>189</v>
      </c>
      <c r="P14" s="2" t="s">
        <v>34</v>
      </c>
      <c r="Q14" s="2" t="s">
        <v>34</v>
      </c>
      <c r="R14" s="2" t="s">
        <v>35</v>
      </c>
      <c r="S14" s="2" t="s">
        <v>901</v>
      </c>
      <c r="T14" s="2" t="s">
        <v>34</v>
      </c>
      <c r="U14" s="2" t="s">
        <v>34</v>
      </c>
      <c r="V14" s="2" t="s">
        <v>34</v>
      </c>
    </row>
    <row r="15" spans="1:23" x14ac:dyDescent="0.25">
      <c r="A15" s="2" t="s">
        <v>843</v>
      </c>
      <c r="B15" s="3" t="s">
        <v>22</v>
      </c>
      <c r="C15" s="2" t="s">
        <v>23</v>
      </c>
      <c r="D15" s="4" t="s">
        <v>902</v>
      </c>
      <c r="E15" s="2" t="s">
        <v>897</v>
      </c>
      <c r="F15" s="2" t="s">
        <v>903</v>
      </c>
      <c r="G15" s="2" t="s">
        <v>70</v>
      </c>
      <c r="H15" s="2" t="s">
        <v>45</v>
      </c>
      <c r="I15" s="2" t="s">
        <v>899</v>
      </c>
      <c r="J15" s="2" t="s">
        <v>904</v>
      </c>
      <c r="K15" s="2" t="s">
        <v>29</v>
      </c>
      <c r="L15" s="2" t="s">
        <v>30</v>
      </c>
      <c r="M15" s="2" t="s">
        <v>31</v>
      </c>
      <c r="N15" s="2" t="s">
        <v>183</v>
      </c>
      <c r="O15" s="2" t="s">
        <v>905</v>
      </c>
      <c r="P15" s="2" t="s">
        <v>34</v>
      </c>
      <c r="Q15" s="2" t="s">
        <v>34</v>
      </c>
      <c r="R15" s="2" t="s">
        <v>35</v>
      </c>
      <c r="S15" s="2" t="s">
        <v>906</v>
      </c>
      <c r="T15" s="2" t="s">
        <v>34</v>
      </c>
      <c r="U15" s="2" t="s">
        <v>34</v>
      </c>
      <c r="V15" s="2" t="s">
        <v>34</v>
      </c>
    </row>
    <row r="16" spans="1:23" x14ac:dyDescent="0.25">
      <c r="A16" s="2" t="s">
        <v>843</v>
      </c>
      <c r="B16" s="3" t="s">
        <v>22</v>
      </c>
      <c r="C16" s="2" t="s">
        <v>23</v>
      </c>
      <c r="D16" s="4" t="s">
        <v>142</v>
      </c>
      <c r="E16" s="2" t="s">
        <v>853</v>
      </c>
      <c r="F16" s="2" t="s">
        <v>907</v>
      </c>
      <c r="G16" s="2" t="s">
        <v>351</v>
      </c>
      <c r="H16" s="2" t="s">
        <v>27</v>
      </c>
      <c r="I16" s="2" t="s">
        <v>861</v>
      </c>
      <c r="J16" s="2" t="s">
        <v>908</v>
      </c>
      <c r="K16" s="2" t="s">
        <v>29</v>
      </c>
      <c r="L16" s="2" t="s">
        <v>30</v>
      </c>
      <c r="M16" s="2" t="s">
        <v>116</v>
      </c>
      <c r="N16" s="2" t="s">
        <v>525</v>
      </c>
      <c r="O16" s="2" t="s">
        <v>189</v>
      </c>
      <c r="P16" s="2" t="s">
        <v>118</v>
      </c>
      <c r="Q16" s="2" t="s">
        <v>34</v>
      </c>
      <c r="R16" s="2" t="s">
        <v>35</v>
      </c>
      <c r="S16" s="2" t="s">
        <v>909</v>
      </c>
      <c r="T16" s="2" t="s">
        <v>34</v>
      </c>
      <c r="U16" s="2" t="s">
        <v>34</v>
      </c>
      <c r="V16" s="2" t="s">
        <v>34</v>
      </c>
    </row>
    <row r="17" spans="1:22" x14ac:dyDescent="0.25">
      <c r="A17" s="2" t="s">
        <v>843</v>
      </c>
      <c r="B17" s="3" t="s">
        <v>22</v>
      </c>
      <c r="C17" s="2" t="s">
        <v>23</v>
      </c>
      <c r="D17" s="4" t="s">
        <v>910</v>
      </c>
      <c r="E17" s="2" t="s">
        <v>853</v>
      </c>
      <c r="F17" s="2" t="s">
        <v>911</v>
      </c>
      <c r="G17" s="2" t="s">
        <v>511</v>
      </c>
      <c r="H17" s="2" t="s">
        <v>27</v>
      </c>
      <c r="I17" s="2" t="s">
        <v>861</v>
      </c>
      <c r="J17" s="2" t="s">
        <v>912</v>
      </c>
      <c r="K17" s="2" t="s">
        <v>29</v>
      </c>
      <c r="L17" s="2" t="s">
        <v>30</v>
      </c>
      <c r="M17" s="2" t="s">
        <v>116</v>
      </c>
      <c r="N17" s="2" t="s">
        <v>525</v>
      </c>
      <c r="O17" s="2" t="s">
        <v>189</v>
      </c>
      <c r="P17" s="2" t="s">
        <v>118</v>
      </c>
      <c r="Q17" s="2" t="s">
        <v>34</v>
      </c>
      <c r="R17" s="2" t="s">
        <v>35</v>
      </c>
      <c r="S17" s="2" t="s">
        <v>913</v>
      </c>
      <c r="T17" s="2" t="s">
        <v>34</v>
      </c>
      <c r="U17" s="2" t="s">
        <v>34</v>
      </c>
      <c r="V17" s="2" t="s">
        <v>34</v>
      </c>
    </row>
    <row r="18" spans="1:22" x14ac:dyDescent="0.25">
      <c r="A18" s="2" t="s">
        <v>843</v>
      </c>
      <c r="B18" s="3" t="s">
        <v>22</v>
      </c>
      <c r="C18" s="2" t="s">
        <v>23</v>
      </c>
      <c r="D18" s="4" t="s">
        <v>145</v>
      </c>
      <c r="E18" s="2" t="s">
        <v>914</v>
      </c>
      <c r="F18" s="2" t="s">
        <v>915</v>
      </c>
      <c r="G18" s="2" t="s">
        <v>290</v>
      </c>
      <c r="H18" s="2" t="s">
        <v>86</v>
      </c>
      <c r="I18" s="2" t="s">
        <v>34</v>
      </c>
      <c r="J18" s="2" t="s">
        <v>916</v>
      </c>
      <c r="K18" s="2" t="s">
        <v>29</v>
      </c>
      <c r="L18" s="2" t="s">
        <v>30</v>
      </c>
      <c r="M18" s="2" t="s">
        <v>31</v>
      </c>
      <c r="N18" s="2" t="s">
        <v>49</v>
      </c>
      <c r="O18" s="2" t="s">
        <v>189</v>
      </c>
      <c r="P18" s="2" t="s">
        <v>34</v>
      </c>
      <c r="Q18" s="2" t="s">
        <v>34</v>
      </c>
      <c r="R18" s="2" t="s">
        <v>35</v>
      </c>
      <c r="S18" s="2" t="s">
        <v>917</v>
      </c>
      <c r="T18" s="2" t="s">
        <v>34</v>
      </c>
      <c r="U18" s="2" t="s">
        <v>34</v>
      </c>
      <c r="V18" s="2" t="s">
        <v>34</v>
      </c>
    </row>
    <row r="19" spans="1:22" x14ac:dyDescent="0.25">
      <c r="A19" s="2" t="s">
        <v>843</v>
      </c>
      <c r="B19" s="3" t="s">
        <v>22</v>
      </c>
      <c r="C19" s="2" t="s">
        <v>23</v>
      </c>
      <c r="D19" s="4" t="s">
        <v>918</v>
      </c>
      <c r="E19" s="2" t="s">
        <v>914</v>
      </c>
      <c r="F19" s="2" t="s">
        <v>919</v>
      </c>
      <c r="G19" s="2" t="s">
        <v>373</v>
      </c>
      <c r="H19" s="2" t="s">
        <v>86</v>
      </c>
      <c r="I19" s="2" t="s">
        <v>34</v>
      </c>
      <c r="J19" s="2" t="s">
        <v>920</v>
      </c>
      <c r="K19" s="2" t="s">
        <v>29</v>
      </c>
      <c r="L19" s="2" t="s">
        <v>30</v>
      </c>
      <c r="M19" s="2" t="s">
        <v>31</v>
      </c>
      <c r="N19" s="2" t="s">
        <v>49</v>
      </c>
      <c r="O19" s="2" t="s">
        <v>189</v>
      </c>
      <c r="P19" s="2" t="s">
        <v>118</v>
      </c>
      <c r="Q19" s="2" t="s">
        <v>34</v>
      </c>
      <c r="R19" s="2" t="s">
        <v>35</v>
      </c>
      <c r="S19" s="2" t="s">
        <v>921</v>
      </c>
      <c r="T19" s="2" t="s">
        <v>34</v>
      </c>
      <c r="U19" s="2" t="s">
        <v>34</v>
      </c>
      <c r="V19" s="2" t="s">
        <v>34</v>
      </c>
    </row>
    <row r="20" spans="1:22" x14ac:dyDescent="0.25">
      <c r="A20" s="2" t="s">
        <v>843</v>
      </c>
      <c r="B20" s="3" t="s">
        <v>22</v>
      </c>
      <c r="C20" s="2" t="s">
        <v>23</v>
      </c>
      <c r="D20" s="4" t="s">
        <v>175</v>
      </c>
      <c r="E20" s="2" t="s">
        <v>922</v>
      </c>
      <c r="F20" s="2" t="s">
        <v>923</v>
      </c>
      <c r="G20" s="2" t="s">
        <v>699</v>
      </c>
      <c r="H20" s="2" t="s">
        <v>45</v>
      </c>
      <c r="I20" s="2" t="s">
        <v>924</v>
      </c>
      <c r="J20" s="2" t="s">
        <v>925</v>
      </c>
      <c r="K20" s="2" t="s">
        <v>29</v>
      </c>
      <c r="L20" s="2" t="s">
        <v>30</v>
      </c>
      <c r="M20" s="2" t="s">
        <v>116</v>
      </c>
      <c r="N20" s="2" t="s">
        <v>104</v>
      </c>
      <c r="O20" s="2" t="s">
        <v>50</v>
      </c>
      <c r="P20" s="2" t="s">
        <v>34</v>
      </c>
      <c r="Q20" s="2" t="s">
        <v>34</v>
      </c>
      <c r="R20" s="2" t="s">
        <v>35</v>
      </c>
      <c r="S20" s="2" t="s">
        <v>926</v>
      </c>
      <c r="T20" s="2" t="s">
        <v>34</v>
      </c>
      <c r="U20" s="2" t="s">
        <v>34</v>
      </c>
      <c r="V20" s="2" t="s">
        <v>34</v>
      </c>
    </row>
    <row r="21" spans="1:22" x14ac:dyDescent="0.25">
      <c r="A21" s="2" t="s">
        <v>843</v>
      </c>
      <c r="B21" s="3" t="s">
        <v>22</v>
      </c>
      <c r="C21" s="2" t="s">
        <v>23</v>
      </c>
      <c r="D21" s="4" t="s">
        <v>927</v>
      </c>
      <c r="E21" s="2" t="s">
        <v>922</v>
      </c>
      <c r="F21" s="2" t="s">
        <v>928</v>
      </c>
      <c r="G21" s="2" t="s">
        <v>620</v>
      </c>
      <c r="H21" s="2" t="s">
        <v>45</v>
      </c>
      <c r="I21" s="2" t="s">
        <v>924</v>
      </c>
      <c r="J21" s="2" t="s">
        <v>929</v>
      </c>
      <c r="K21" s="2" t="s">
        <v>29</v>
      </c>
      <c r="L21" s="2" t="s">
        <v>30</v>
      </c>
      <c r="M21" s="2" t="s">
        <v>116</v>
      </c>
      <c r="N21" s="2" t="s">
        <v>104</v>
      </c>
      <c r="O21" s="2" t="s">
        <v>50</v>
      </c>
      <c r="P21" s="2" t="s">
        <v>34</v>
      </c>
      <c r="Q21" s="2" t="s">
        <v>34</v>
      </c>
      <c r="R21" s="2" t="s">
        <v>35</v>
      </c>
      <c r="S21" s="2" t="s">
        <v>930</v>
      </c>
      <c r="T21" s="2" t="s">
        <v>34</v>
      </c>
      <c r="U21" s="2" t="s">
        <v>34</v>
      </c>
      <c r="V21" s="2" t="s">
        <v>34</v>
      </c>
    </row>
    <row r="22" spans="1:22" x14ac:dyDescent="0.25">
      <c r="A22" s="2" t="s">
        <v>843</v>
      </c>
      <c r="B22" s="3" t="s">
        <v>22</v>
      </c>
      <c r="C22" s="2" t="s">
        <v>23</v>
      </c>
      <c r="D22" s="4" t="s">
        <v>179</v>
      </c>
      <c r="E22" s="2" t="s">
        <v>922</v>
      </c>
      <c r="F22" s="2" t="s">
        <v>931</v>
      </c>
      <c r="G22" s="2" t="s">
        <v>498</v>
      </c>
      <c r="H22" s="2" t="s">
        <v>45</v>
      </c>
      <c r="I22" s="2" t="s">
        <v>924</v>
      </c>
      <c r="J22" s="2" t="s">
        <v>932</v>
      </c>
      <c r="K22" s="2" t="s">
        <v>29</v>
      </c>
      <c r="L22" s="2" t="s">
        <v>30</v>
      </c>
      <c r="M22" s="2" t="s">
        <v>116</v>
      </c>
      <c r="N22" s="2" t="s">
        <v>104</v>
      </c>
      <c r="O22" s="2" t="s">
        <v>50</v>
      </c>
      <c r="P22" s="2" t="s">
        <v>34</v>
      </c>
      <c r="Q22" s="2" t="s">
        <v>34</v>
      </c>
      <c r="R22" s="2" t="s">
        <v>35</v>
      </c>
      <c r="S22" s="2" t="s">
        <v>933</v>
      </c>
      <c r="T22" s="2" t="s">
        <v>34</v>
      </c>
      <c r="U22" s="2" t="s">
        <v>34</v>
      </c>
      <c r="V22" s="2" t="s">
        <v>34</v>
      </c>
    </row>
    <row r="23" spans="1:22" x14ac:dyDescent="0.25">
      <c r="A23" s="2" t="s">
        <v>843</v>
      </c>
      <c r="B23" s="3" t="s">
        <v>22</v>
      </c>
      <c r="C23" s="2" t="s">
        <v>23</v>
      </c>
      <c r="D23" s="4" t="s">
        <v>934</v>
      </c>
      <c r="E23" s="2" t="s">
        <v>935</v>
      </c>
      <c r="F23" s="2" t="s">
        <v>936</v>
      </c>
      <c r="G23" s="2" t="s">
        <v>211</v>
      </c>
      <c r="H23" s="2" t="s">
        <v>86</v>
      </c>
      <c r="I23" s="2" t="s">
        <v>34</v>
      </c>
      <c r="J23" s="2" t="s">
        <v>937</v>
      </c>
      <c r="K23" s="2" t="s">
        <v>29</v>
      </c>
      <c r="L23" s="2" t="s">
        <v>30</v>
      </c>
      <c r="M23" s="2" t="s">
        <v>31</v>
      </c>
      <c r="N23" s="2" t="s">
        <v>49</v>
      </c>
      <c r="O23" s="2" t="s">
        <v>189</v>
      </c>
      <c r="P23" s="2" t="s">
        <v>118</v>
      </c>
      <c r="Q23" s="2" t="s">
        <v>34</v>
      </c>
      <c r="R23" s="2" t="s">
        <v>35</v>
      </c>
      <c r="S23" s="2" t="s">
        <v>938</v>
      </c>
      <c r="T23" s="2" t="s">
        <v>34</v>
      </c>
      <c r="U23" s="2" t="s">
        <v>34</v>
      </c>
      <c r="V23" s="2" t="s">
        <v>34</v>
      </c>
    </row>
    <row r="24" spans="1:22" x14ac:dyDescent="0.25">
      <c r="A24" s="2" t="s">
        <v>843</v>
      </c>
      <c r="B24" s="3" t="s">
        <v>22</v>
      </c>
      <c r="C24" s="2" t="s">
        <v>23</v>
      </c>
      <c r="D24" s="4" t="s">
        <v>474</v>
      </c>
      <c r="E24" s="2" t="s">
        <v>935</v>
      </c>
      <c r="F24" s="2" t="s">
        <v>939</v>
      </c>
      <c r="G24" s="2" t="s">
        <v>940</v>
      </c>
      <c r="H24" s="2" t="s">
        <v>86</v>
      </c>
      <c r="I24" s="2" t="s">
        <v>34</v>
      </c>
      <c r="J24" s="2" t="s">
        <v>941</v>
      </c>
      <c r="K24" s="2" t="s">
        <v>29</v>
      </c>
      <c r="L24" s="2" t="s">
        <v>30</v>
      </c>
      <c r="M24" s="2" t="s">
        <v>31</v>
      </c>
      <c r="N24" s="2" t="s">
        <v>49</v>
      </c>
      <c r="O24" s="2" t="s">
        <v>189</v>
      </c>
      <c r="P24" s="2" t="s">
        <v>118</v>
      </c>
      <c r="Q24" s="2" t="s">
        <v>34</v>
      </c>
      <c r="R24" s="2" t="s">
        <v>35</v>
      </c>
      <c r="S24" s="2" t="s">
        <v>942</v>
      </c>
      <c r="T24" s="2" t="s">
        <v>34</v>
      </c>
      <c r="U24" s="2" t="s">
        <v>34</v>
      </c>
      <c r="V24" s="2" t="s">
        <v>34</v>
      </c>
    </row>
    <row r="25" spans="1:22" x14ac:dyDescent="0.25">
      <c r="A25" s="2" t="s">
        <v>843</v>
      </c>
      <c r="B25" s="3" t="s">
        <v>22</v>
      </c>
      <c r="C25" s="2" t="s">
        <v>23</v>
      </c>
      <c r="D25" s="4" t="s">
        <v>943</v>
      </c>
      <c r="E25" s="2" t="s">
        <v>853</v>
      </c>
      <c r="F25" s="2" t="s">
        <v>944</v>
      </c>
      <c r="G25" s="2" t="s">
        <v>80</v>
      </c>
      <c r="H25" s="2" t="s">
        <v>27</v>
      </c>
      <c r="I25" s="2" t="s">
        <v>861</v>
      </c>
      <c r="J25" s="2" t="s">
        <v>945</v>
      </c>
      <c r="K25" s="2" t="s">
        <v>29</v>
      </c>
      <c r="L25" s="2" t="s">
        <v>30</v>
      </c>
      <c r="M25" s="2" t="s">
        <v>116</v>
      </c>
      <c r="N25" s="2" t="s">
        <v>525</v>
      </c>
      <c r="O25" s="2" t="s">
        <v>189</v>
      </c>
      <c r="P25" s="2" t="s">
        <v>34</v>
      </c>
      <c r="Q25" s="2" t="s">
        <v>34</v>
      </c>
      <c r="R25" s="2" t="s">
        <v>35</v>
      </c>
      <c r="S25" s="2" t="s">
        <v>946</v>
      </c>
      <c r="T25" s="2" t="s">
        <v>34</v>
      </c>
      <c r="U25" s="2" t="s">
        <v>34</v>
      </c>
      <c r="V25" s="2" t="s">
        <v>34</v>
      </c>
    </row>
    <row r="26" spans="1:22" x14ac:dyDescent="0.25">
      <c r="A26" s="2" t="s">
        <v>843</v>
      </c>
      <c r="B26" s="3" t="s">
        <v>22</v>
      </c>
      <c r="C26" s="2" t="s">
        <v>23</v>
      </c>
      <c r="D26" s="4" t="s">
        <v>947</v>
      </c>
      <c r="E26" s="2" t="s">
        <v>853</v>
      </c>
      <c r="F26" s="2" t="s">
        <v>948</v>
      </c>
      <c r="G26" s="2" t="s">
        <v>480</v>
      </c>
      <c r="H26" s="2" t="s">
        <v>27</v>
      </c>
      <c r="I26" s="2" t="s">
        <v>861</v>
      </c>
      <c r="J26" s="2" t="s">
        <v>949</v>
      </c>
      <c r="K26" s="2" t="s">
        <v>29</v>
      </c>
      <c r="L26" s="2" t="s">
        <v>30</v>
      </c>
      <c r="M26" s="2" t="s">
        <v>116</v>
      </c>
      <c r="N26" s="2" t="s">
        <v>525</v>
      </c>
      <c r="O26" s="2" t="s">
        <v>189</v>
      </c>
      <c r="P26" s="2" t="s">
        <v>118</v>
      </c>
      <c r="Q26" s="2" t="s">
        <v>34</v>
      </c>
      <c r="R26" s="2" t="s">
        <v>35</v>
      </c>
      <c r="S26" s="2" t="s">
        <v>950</v>
      </c>
      <c r="T26" s="2" t="s">
        <v>34</v>
      </c>
      <c r="U26" s="2" t="s">
        <v>34</v>
      </c>
      <c r="V26" s="2" t="s">
        <v>34</v>
      </c>
    </row>
    <row r="27" spans="1:22" x14ac:dyDescent="0.25">
      <c r="A27" s="2" t="s">
        <v>843</v>
      </c>
      <c r="B27" s="3" t="s">
        <v>22</v>
      </c>
      <c r="C27" s="2" t="s">
        <v>23</v>
      </c>
      <c r="D27" s="4" t="s">
        <v>951</v>
      </c>
      <c r="E27" s="2" t="s">
        <v>952</v>
      </c>
      <c r="F27" s="2" t="s">
        <v>953</v>
      </c>
      <c r="G27" s="2" t="s">
        <v>388</v>
      </c>
      <c r="H27" s="2" t="s">
        <v>27</v>
      </c>
      <c r="I27" s="2" t="s">
        <v>34</v>
      </c>
      <c r="J27" s="2" t="s">
        <v>954</v>
      </c>
      <c r="K27" s="2" t="s">
        <v>29</v>
      </c>
      <c r="L27" s="2" t="s">
        <v>895</v>
      </c>
      <c r="M27" s="2" t="s">
        <v>31</v>
      </c>
      <c r="N27" s="2" t="s">
        <v>49</v>
      </c>
      <c r="O27" s="2" t="s">
        <v>189</v>
      </c>
      <c r="P27" s="2" t="s">
        <v>118</v>
      </c>
      <c r="Q27" s="2" t="s">
        <v>34</v>
      </c>
      <c r="R27" s="2" t="s">
        <v>35</v>
      </c>
      <c r="S27" s="2" t="s">
        <v>955</v>
      </c>
      <c r="T27" s="2" t="s">
        <v>34</v>
      </c>
      <c r="U27" s="2" t="s">
        <v>34</v>
      </c>
      <c r="V27" s="2" t="s">
        <v>34</v>
      </c>
    </row>
    <row r="28" spans="1:22" x14ac:dyDescent="0.25">
      <c r="A28" s="2" t="s">
        <v>843</v>
      </c>
      <c r="B28" s="3" t="s">
        <v>22</v>
      </c>
      <c r="C28" s="2" t="s">
        <v>23</v>
      </c>
      <c r="D28" s="4" t="s">
        <v>956</v>
      </c>
      <c r="E28" s="2" t="s">
        <v>952</v>
      </c>
      <c r="F28" s="2" t="s">
        <v>957</v>
      </c>
      <c r="G28" s="2" t="s">
        <v>181</v>
      </c>
      <c r="H28" s="2" t="s">
        <v>27</v>
      </c>
      <c r="I28" s="2" t="s">
        <v>34</v>
      </c>
      <c r="J28" s="2" t="s">
        <v>958</v>
      </c>
      <c r="K28" s="2" t="s">
        <v>29</v>
      </c>
      <c r="L28" s="2" t="s">
        <v>895</v>
      </c>
      <c r="M28" s="2" t="s">
        <v>31</v>
      </c>
      <c r="N28" s="2" t="s">
        <v>49</v>
      </c>
      <c r="O28" s="2" t="s">
        <v>33</v>
      </c>
      <c r="P28" s="2" t="s">
        <v>118</v>
      </c>
      <c r="Q28" s="2" t="s">
        <v>34</v>
      </c>
      <c r="R28" s="2" t="s">
        <v>35</v>
      </c>
      <c r="S28" s="2" t="s">
        <v>959</v>
      </c>
      <c r="T28" s="2" t="s">
        <v>34</v>
      </c>
      <c r="U28" s="2" t="s">
        <v>34</v>
      </c>
      <c r="V28" s="2" t="s">
        <v>34</v>
      </c>
    </row>
    <row r="29" spans="1:22" x14ac:dyDescent="0.25">
      <c r="A29" s="2" t="s">
        <v>843</v>
      </c>
      <c r="B29" s="3" t="s">
        <v>22</v>
      </c>
      <c r="C29" s="2" t="s">
        <v>23</v>
      </c>
      <c r="D29" s="4" t="s">
        <v>960</v>
      </c>
      <c r="E29" s="2" t="s">
        <v>952</v>
      </c>
      <c r="F29" s="2" t="s">
        <v>961</v>
      </c>
      <c r="G29" s="2" t="s">
        <v>392</v>
      </c>
      <c r="H29" s="2" t="s">
        <v>27</v>
      </c>
      <c r="I29" s="2" t="s">
        <v>34</v>
      </c>
      <c r="J29" s="2" t="s">
        <v>962</v>
      </c>
      <c r="K29" s="2" t="s">
        <v>29</v>
      </c>
      <c r="L29" s="2" t="s">
        <v>895</v>
      </c>
      <c r="M29" s="2" t="s">
        <v>31</v>
      </c>
      <c r="N29" s="2" t="s">
        <v>49</v>
      </c>
      <c r="O29" s="2" t="s">
        <v>189</v>
      </c>
      <c r="P29" s="2" t="s">
        <v>118</v>
      </c>
      <c r="Q29" s="2" t="s">
        <v>34</v>
      </c>
      <c r="R29" s="2" t="s">
        <v>35</v>
      </c>
      <c r="S29" s="2" t="s">
        <v>963</v>
      </c>
      <c r="T29" s="2" t="s">
        <v>34</v>
      </c>
      <c r="U29" s="2" t="s">
        <v>34</v>
      </c>
      <c r="V29" s="2" t="s">
        <v>34</v>
      </c>
    </row>
    <row r="30" spans="1:22" x14ac:dyDescent="0.25">
      <c r="A30" s="2" t="s">
        <v>843</v>
      </c>
      <c r="B30" s="3" t="s">
        <v>22</v>
      </c>
      <c r="C30" s="2" t="s">
        <v>23</v>
      </c>
      <c r="D30" s="4" t="s">
        <v>214</v>
      </c>
      <c r="E30" s="2" t="s">
        <v>853</v>
      </c>
      <c r="F30" s="2" t="s">
        <v>964</v>
      </c>
      <c r="G30" s="2" t="s">
        <v>591</v>
      </c>
      <c r="H30" s="2" t="s">
        <v>27</v>
      </c>
      <c r="I30" s="2" t="s">
        <v>861</v>
      </c>
      <c r="J30" s="2" t="s">
        <v>965</v>
      </c>
      <c r="K30" s="2" t="s">
        <v>29</v>
      </c>
      <c r="L30" s="2" t="s">
        <v>30</v>
      </c>
      <c r="M30" s="2" t="s">
        <v>116</v>
      </c>
      <c r="N30" s="2" t="s">
        <v>525</v>
      </c>
      <c r="O30" s="2" t="s">
        <v>189</v>
      </c>
      <c r="P30" s="2" t="s">
        <v>34</v>
      </c>
      <c r="Q30" s="2" t="s">
        <v>34</v>
      </c>
      <c r="R30" s="2" t="s">
        <v>35</v>
      </c>
      <c r="S30" s="2" t="s">
        <v>966</v>
      </c>
      <c r="T30" s="2" t="s">
        <v>34</v>
      </c>
      <c r="U30" s="2" t="s">
        <v>34</v>
      </c>
      <c r="V30" s="2" t="s">
        <v>34</v>
      </c>
    </row>
    <row r="31" spans="1:22" x14ac:dyDescent="0.25">
      <c r="A31" s="2" t="s">
        <v>843</v>
      </c>
      <c r="B31" s="3" t="s">
        <v>22</v>
      </c>
      <c r="C31" s="2" t="s">
        <v>23</v>
      </c>
      <c r="D31" s="4" t="s">
        <v>967</v>
      </c>
      <c r="E31" s="2" t="s">
        <v>853</v>
      </c>
      <c r="F31" s="2" t="s">
        <v>968</v>
      </c>
      <c r="G31" s="2" t="s">
        <v>595</v>
      </c>
      <c r="H31" s="2" t="s">
        <v>27</v>
      </c>
      <c r="I31" s="2" t="s">
        <v>861</v>
      </c>
      <c r="J31" s="2" t="s">
        <v>969</v>
      </c>
      <c r="K31" s="2" t="s">
        <v>29</v>
      </c>
      <c r="L31" s="2" t="s">
        <v>30</v>
      </c>
      <c r="M31" s="2" t="s">
        <v>116</v>
      </c>
      <c r="N31" s="2" t="s">
        <v>525</v>
      </c>
      <c r="O31" s="2" t="s">
        <v>189</v>
      </c>
      <c r="P31" s="2" t="s">
        <v>118</v>
      </c>
      <c r="Q31" s="2" t="s">
        <v>34</v>
      </c>
      <c r="R31" s="2" t="s">
        <v>35</v>
      </c>
      <c r="S31" s="2" t="s">
        <v>970</v>
      </c>
      <c r="T31" s="2" t="s">
        <v>34</v>
      </c>
      <c r="U31" s="2" t="s">
        <v>34</v>
      </c>
      <c r="V31" s="2" t="s">
        <v>34</v>
      </c>
    </row>
    <row r="32" spans="1:22" x14ac:dyDescent="0.25">
      <c r="A32" s="2" t="s">
        <v>843</v>
      </c>
      <c r="B32" s="3" t="s">
        <v>22</v>
      </c>
      <c r="C32" s="2" t="s">
        <v>23</v>
      </c>
      <c r="D32" s="4" t="s">
        <v>971</v>
      </c>
      <c r="E32" s="2" t="s">
        <v>853</v>
      </c>
      <c r="F32" s="2" t="s">
        <v>972</v>
      </c>
      <c r="G32" s="2" t="s">
        <v>400</v>
      </c>
      <c r="H32" s="2" t="s">
        <v>27</v>
      </c>
      <c r="I32" s="2" t="s">
        <v>861</v>
      </c>
      <c r="J32" s="2" t="s">
        <v>973</v>
      </c>
      <c r="K32" s="2" t="s">
        <v>29</v>
      </c>
      <c r="L32" s="2" t="s">
        <v>30</v>
      </c>
      <c r="M32" s="2" t="s">
        <v>116</v>
      </c>
      <c r="N32" s="2" t="s">
        <v>525</v>
      </c>
      <c r="O32" s="2" t="s">
        <v>189</v>
      </c>
      <c r="P32" s="2" t="s">
        <v>118</v>
      </c>
      <c r="Q32" s="2" t="s">
        <v>34</v>
      </c>
      <c r="R32" s="2" t="s">
        <v>35</v>
      </c>
      <c r="S32" s="2" t="s">
        <v>974</v>
      </c>
      <c r="T32" s="2" t="s">
        <v>34</v>
      </c>
      <c r="U32" s="2" t="s">
        <v>34</v>
      </c>
      <c r="V32" s="2" t="s">
        <v>34</v>
      </c>
    </row>
    <row r="33" spans="1:22" x14ac:dyDescent="0.25">
      <c r="A33" s="2" t="s">
        <v>843</v>
      </c>
      <c r="B33" s="3" t="s">
        <v>22</v>
      </c>
      <c r="C33" s="2" t="s">
        <v>23</v>
      </c>
      <c r="D33" s="4" t="s">
        <v>975</v>
      </c>
      <c r="E33" s="2" t="s">
        <v>853</v>
      </c>
      <c r="F33" s="2" t="s">
        <v>976</v>
      </c>
      <c r="G33" s="2" t="s">
        <v>283</v>
      </c>
      <c r="H33" s="2" t="s">
        <v>27</v>
      </c>
      <c r="I33" s="2" t="s">
        <v>861</v>
      </c>
      <c r="J33" s="2" t="s">
        <v>977</v>
      </c>
      <c r="K33" s="2" t="s">
        <v>29</v>
      </c>
      <c r="L33" s="2" t="s">
        <v>30</v>
      </c>
      <c r="M33" s="2" t="s">
        <v>116</v>
      </c>
      <c r="N33" s="2" t="s">
        <v>525</v>
      </c>
      <c r="O33" s="2" t="s">
        <v>189</v>
      </c>
      <c r="P33" s="2" t="s">
        <v>118</v>
      </c>
      <c r="Q33" s="2" t="s">
        <v>34</v>
      </c>
      <c r="R33" s="2" t="s">
        <v>35</v>
      </c>
      <c r="S33" s="2" t="s">
        <v>978</v>
      </c>
      <c r="T33" s="2" t="s">
        <v>34</v>
      </c>
      <c r="U33" s="2" t="s">
        <v>34</v>
      </c>
      <c r="V33" s="2" t="s">
        <v>34</v>
      </c>
    </row>
    <row r="34" spans="1:22" x14ac:dyDescent="0.25">
      <c r="A34" s="2" t="s">
        <v>843</v>
      </c>
      <c r="B34" s="3" t="s">
        <v>22</v>
      </c>
      <c r="C34" s="2" t="s">
        <v>23</v>
      </c>
      <c r="D34" s="4" t="s">
        <v>238</v>
      </c>
      <c r="E34" s="2" t="s">
        <v>892</v>
      </c>
      <c r="F34" s="2" t="s">
        <v>979</v>
      </c>
      <c r="G34" s="2" t="s">
        <v>167</v>
      </c>
      <c r="H34" s="2" t="s">
        <v>45</v>
      </c>
      <c r="I34" s="2" t="s">
        <v>34</v>
      </c>
      <c r="J34" s="2" t="s">
        <v>980</v>
      </c>
      <c r="K34" s="2" t="s">
        <v>29</v>
      </c>
      <c r="L34" s="2" t="s">
        <v>895</v>
      </c>
      <c r="M34" s="2" t="s">
        <v>31</v>
      </c>
      <c r="N34" s="2" t="s">
        <v>183</v>
      </c>
      <c r="O34" s="2" t="s">
        <v>189</v>
      </c>
      <c r="P34" s="2" t="s">
        <v>34</v>
      </c>
      <c r="Q34" s="2" t="s">
        <v>34</v>
      </c>
      <c r="R34" s="2" t="s">
        <v>35</v>
      </c>
      <c r="S34" s="2" t="s">
        <v>981</v>
      </c>
      <c r="T34" s="2" t="s">
        <v>34</v>
      </c>
      <c r="U34" s="2" t="s">
        <v>34</v>
      </c>
      <c r="V34" s="2" t="s">
        <v>34</v>
      </c>
    </row>
    <row r="35" spans="1:22" x14ac:dyDescent="0.25">
      <c r="A35" s="2" t="s">
        <v>843</v>
      </c>
      <c r="B35" s="3" t="s">
        <v>22</v>
      </c>
      <c r="C35" s="2" t="s">
        <v>23</v>
      </c>
      <c r="D35" s="4" t="s">
        <v>982</v>
      </c>
      <c r="E35" s="2" t="s">
        <v>892</v>
      </c>
      <c r="F35" s="2" t="s">
        <v>983</v>
      </c>
      <c r="G35" s="2" t="s">
        <v>172</v>
      </c>
      <c r="H35" s="2" t="s">
        <v>45</v>
      </c>
      <c r="I35" s="2" t="s">
        <v>34</v>
      </c>
      <c r="J35" s="2" t="s">
        <v>980</v>
      </c>
      <c r="K35" s="2" t="s">
        <v>29</v>
      </c>
      <c r="L35" s="2" t="s">
        <v>895</v>
      </c>
      <c r="M35" s="2" t="s">
        <v>31</v>
      </c>
      <c r="N35" s="2" t="s">
        <v>183</v>
      </c>
      <c r="O35" s="2" t="s">
        <v>189</v>
      </c>
      <c r="P35" s="2" t="s">
        <v>34</v>
      </c>
      <c r="Q35" s="2" t="s">
        <v>34</v>
      </c>
      <c r="R35" s="2" t="s">
        <v>35</v>
      </c>
      <c r="S35" s="2" t="s">
        <v>984</v>
      </c>
      <c r="T35" s="2" t="s">
        <v>34</v>
      </c>
      <c r="U35" s="2" t="s">
        <v>34</v>
      </c>
      <c r="V35" s="2" t="s">
        <v>34</v>
      </c>
    </row>
    <row r="36" spans="1:22" x14ac:dyDescent="0.25">
      <c r="A36" s="2" t="s">
        <v>843</v>
      </c>
      <c r="B36" s="3" t="s">
        <v>22</v>
      </c>
      <c r="C36" s="2" t="s">
        <v>23</v>
      </c>
      <c r="D36" s="4" t="s">
        <v>251</v>
      </c>
      <c r="E36" s="2" t="s">
        <v>985</v>
      </c>
      <c r="F36" s="2" t="s">
        <v>986</v>
      </c>
      <c r="G36" s="2" t="s">
        <v>181</v>
      </c>
      <c r="H36" s="2" t="s">
        <v>27</v>
      </c>
      <c r="I36" s="2" t="s">
        <v>34</v>
      </c>
      <c r="J36" s="2" t="s">
        <v>987</v>
      </c>
      <c r="K36" s="2" t="s">
        <v>29</v>
      </c>
      <c r="L36" s="2" t="s">
        <v>895</v>
      </c>
      <c r="M36" s="2" t="s">
        <v>31</v>
      </c>
      <c r="N36" s="2" t="s">
        <v>49</v>
      </c>
      <c r="O36" s="2" t="s">
        <v>33</v>
      </c>
      <c r="P36" s="2" t="s">
        <v>118</v>
      </c>
      <c r="Q36" s="2" t="s">
        <v>34</v>
      </c>
      <c r="R36" s="2" t="s">
        <v>35</v>
      </c>
      <c r="S36" s="2" t="s">
        <v>988</v>
      </c>
      <c r="T36" s="2" t="s">
        <v>34</v>
      </c>
      <c r="U36" s="2" t="s">
        <v>34</v>
      </c>
      <c r="V36" s="2" t="s">
        <v>34</v>
      </c>
    </row>
    <row r="37" spans="1:22" x14ac:dyDescent="0.25">
      <c r="A37" s="2" t="s">
        <v>843</v>
      </c>
      <c r="B37" s="3" t="s">
        <v>22</v>
      </c>
      <c r="C37" s="2" t="s">
        <v>23</v>
      </c>
      <c r="D37" s="4" t="s">
        <v>989</v>
      </c>
      <c r="E37" s="2" t="s">
        <v>985</v>
      </c>
      <c r="F37" s="2" t="s">
        <v>990</v>
      </c>
      <c r="G37" s="2" t="s">
        <v>324</v>
      </c>
      <c r="H37" s="2" t="s">
        <v>27</v>
      </c>
      <c r="I37" s="2" t="s">
        <v>34</v>
      </c>
      <c r="J37" s="2" t="s">
        <v>991</v>
      </c>
      <c r="K37" s="2" t="s">
        <v>29</v>
      </c>
      <c r="L37" s="2" t="s">
        <v>895</v>
      </c>
      <c r="M37" s="2" t="s">
        <v>31</v>
      </c>
      <c r="N37" s="2" t="s">
        <v>49</v>
      </c>
      <c r="O37" s="2" t="s">
        <v>189</v>
      </c>
      <c r="P37" s="2" t="s">
        <v>118</v>
      </c>
      <c r="Q37" s="2" t="s">
        <v>34</v>
      </c>
      <c r="R37" s="2" t="s">
        <v>35</v>
      </c>
      <c r="S37" s="2" t="s">
        <v>992</v>
      </c>
      <c r="T37" s="2" t="s">
        <v>34</v>
      </c>
      <c r="U37" s="2" t="s">
        <v>34</v>
      </c>
      <c r="V37" s="2" t="s">
        <v>34</v>
      </c>
    </row>
    <row r="38" spans="1:22" x14ac:dyDescent="0.25">
      <c r="A38" s="2" t="s">
        <v>843</v>
      </c>
      <c r="B38" s="3" t="s">
        <v>22</v>
      </c>
      <c r="C38" s="2" t="s">
        <v>23</v>
      </c>
      <c r="D38" s="4" t="s">
        <v>259</v>
      </c>
      <c r="E38" s="2" t="s">
        <v>993</v>
      </c>
      <c r="F38" s="2" t="s">
        <v>994</v>
      </c>
      <c r="G38" s="2" t="s">
        <v>147</v>
      </c>
      <c r="H38" s="2" t="s">
        <v>45</v>
      </c>
      <c r="I38" s="2" t="s">
        <v>34</v>
      </c>
      <c r="J38" s="2" t="s">
        <v>995</v>
      </c>
      <c r="K38" s="2" t="s">
        <v>29</v>
      </c>
      <c r="L38" s="2" t="s">
        <v>895</v>
      </c>
      <c r="M38" s="2" t="s">
        <v>31</v>
      </c>
      <c r="N38" s="2" t="s">
        <v>49</v>
      </c>
      <c r="O38" s="2" t="s">
        <v>189</v>
      </c>
      <c r="P38" s="2" t="s">
        <v>34</v>
      </c>
      <c r="Q38" s="2" t="s">
        <v>34</v>
      </c>
      <c r="R38" s="2" t="s">
        <v>35</v>
      </c>
      <c r="S38" s="2" t="s">
        <v>996</v>
      </c>
      <c r="T38" s="2" t="s">
        <v>34</v>
      </c>
      <c r="U38" s="2" t="s">
        <v>34</v>
      </c>
      <c r="V38" s="2" t="s">
        <v>34</v>
      </c>
    </row>
    <row r="39" spans="1:22" x14ac:dyDescent="0.25">
      <c r="A39" s="2" t="s">
        <v>843</v>
      </c>
      <c r="B39" s="3" t="s">
        <v>22</v>
      </c>
      <c r="C39" s="2" t="s">
        <v>23</v>
      </c>
      <c r="D39" s="4" t="s">
        <v>997</v>
      </c>
      <c r="E39" s="2" t="s">
        <v>993</v>
      </c>
      <c r="F39" s="2" t="s">
        <v>994</v>
      </c>
      <c r="G39" s="2" t="s">
        <v>279</v>
      </c>
      <c r="H39" s="2" t="s">
        <v>45</v>
      </c>
      <c r="I39" s="2" t="s">
        <v>34</v>
      </c>
      <c r="J39" s="2" t="s">
        <v>995</v>
      </c>
      <c r="K39" s="2" t="s">
        <v>29</v>
      </c>
      <c r="L39" s="2" t="s">
        <v>895</v>
      </c>
      <c r="M39" s="2" t="s">
        <v>31</v>
      </c>
      <c r="N39" s="2" t="s">
        <v>49</v>
      </c>
      <c r="O39" s="2" t="s">
        <v>998</v>
      </c>
      <c r="P39" s="2" t="s">
        <v>118</v>
      </c>
      <c r="Q39" s="2" t="s">
        <v>34</v>
      </c>
      <c r="R39" s="2" t="s">
        <v>35</v>
      </c>
      <c r="S39" s="2" t="s">
        <v>999</v>
      </c>
      <c r="T39" s="2" t="s">
        <v>34</v>
      </c>
      <c r="U39" s="2" t="s">
        <v>34</v>
      </c>
      <c r="V39" s="2" t="s">
        <v>34</v>
      </c>
    </row>
    <row r="40" spans="1:22" x14ac:dyDescent="0.25">
      <c r="A40" s="2"/>
      <c r="B40" s="3"/>
      <c r="C40" s="2"/>
      <c r="D40" s="4"/>
      <c r="E40" s="5" t="s">
        <v>1000</v>
      </c>
      <c r="F40" s="2"/>
      <c r="G40" s="2"/>
      <c r="H40" s="2"/>
      <c r="I40" s="2"/>
      <c r="J40" s="2"/>
      <c r="K40" s="2"/>
      <c r="L40" s="2"/>
      <c r="M40" s="2"/>
      <c r="N40" s="2"/>
      <c r="O40" s="2"/>
      <c r="P40" s="2"/>
      <c r="Q40" s="2"/>
      <c r="R40" s="2"/>
      <c r="S40" s="2"/>
      <c r="T40" s="2"/>
      <c r="U40" s="2"/>
      <c r="V40" s="2"/>
    </row>
    <row r="41" spans="1:22" x14ac:dyDescent="0.25">
      <c r="A41" s="2"/>
      <c r="B41" s="3"/>
      <c r="C41" s="2"/>
      <c r="D41" s="4"/>
      <c r="E41" s="2"/>
      <c r="F41" s="2"/>
      <c r="G41" s="2"/>
      <c r="H41" s="2"/>
      <c r="I41" s="2"/>
      <c r="J41" s="2"/>
      <c r="K41" s="2"/>
      <c r="L41" s="2"/>
      <c r="M41" s="2"/>
      <c r="N41" s="2"/>
      <c r="O41" s="2"/>
      <c r="P41" s="2"/>
      <c r="Q41" s="2"/>
      <c r="R41" s="2"/>
      <c r="S41" s="2"/>
      <c r="T41" s="2"/>
      <c r="U41" s="2"/>
      <c r="V41" s="2"/>
    </row>
    <row r="42" spans="1:22" x14ac:dyDescent="0.25">
      <c r="A42" s="2" t="s">
        <v>843</v>
      </c>
      <c r="B42" s="3" t="s">
        <v>268</v>
      </c>
      <c r="C42" s="2" t="s">
        <v>269</v>
      </c>
      <c r="D42" s="4" t="s">
        <v>24</v>
      </c>
      <c r="E42" s="2" t="s">
        <v>1001</v>
      </c>
      <c r="F42" s="2" t="s">
        <v>1002</v>
      </c>
      <c r="G42" s="2" t="s">
        <v>108</v>
      </c>
      <c r="H42" s="2" t="s">
        <v>45</v>
      </c>
      <c r="I42" s="2" t="s">
        <v>1003</v>
      </c>
      <c r="J42" s="2" t="s">
        <v>1004</v>
      </c>
      <c r="K42" s="2" t="s">
        <v>29</v>
      </c>
      <c r="L42" s="2" t="s">
        <v>30</v>
      </c>
      <c r="M42" s="2" t="s">
        <v>1005</v>
      </c>
      <c r="N42" s="2" t="s">
        <v>183</v>
      </c>
      <c r="O42" s="2" t="s">
        <v>905</v>
      </c>
      <c r="P42" s="2" t="s">
        <v>34</v>
      </c>
      <c r="Q42" s="2" t="s">
        <v>34</v>
      </c>
      <c r="R42" s="2" t="s">
        <v>35</v>
      </c>
      <c r="S42" s="2" t="s">
        <v>1006</v>
      </c>
      <c r="T42" s="2" t="s">
        <v>34</v>
      </c>
      <c r="U42" s="2" t="s">
        <v>34</v>
      </c>
      <c r="V42" s="2" t="s">
        <v>34</v>
      </c>
    </row>
    <row r="43" spans="1:22" x14ac:dyDescent="0.25">
      <c r="A43" s="2" t="s">
        <v>843</v>
      </c>
      <c r="B43" s="3" t="s">
        <v>268</v>
      </c>
      <c r="C43" s="2" t="s">
        <v>269</v>
      </c>
      <c r="D43" s="4" t="s">
        <v>1007</v>
      </c>
      <c r="E43" s="2" t="s">
        <v>1001</v>
      </c>
      <c r="F43" s="2" t="s">
        <v>1008</v>
      </c>
      <c r="G43" s="2" t="s">
        <v>44</v>
      </c>
      <c r="H43" s="2" t="s">
        <v>45</v>
      </c>
      <c r="I43" s="2" t="s">
        <v>1009</v>
      </c>
      <c r="J43" s="2" t="s">
        <v>1010</v>
      </c>
      <c r="K43" s="2" t="s">
        <v>29</v>
      </c>
      <c r="L43" s="2" t="s">
        <v>30</v>
      </c>
      <c r="M43" s="2" t="s">
        <v>1005</v>
      </c>
      <c r="N43" s="2" t="s">
        <v>183</v>
      </c>
      <c r="O43" s="2" t="s">
        <v>905</v>
      </c>
      <c r="P43" s="2" t="s">
        <v>34</v>
      </c>
      <c r="Q43" s="2" t="s">
        <v>34</v>
      </c>
      <c r="R43" s="2" t="s">
        <v>35</v>
      </c>
      <c r="S43" s="2" t="s">
        <v>1011</v>
      </c>
      <c r="T43" s="2" t="s">
        <v>34</v>
      </c>
      <c r="U43" s="2" t="s">
        <v>34</v>
      </c>
      <c r="V43" s="2" t="s">
        <v>34</v>
      </c>
    </row>
    <row r="44" spans="1:22" x14ac:dyDescent="0.25">
      <c r="A44" s="2" t="s">
        <v>843</v>
      </c>
      <c r="B44" s="3" t="s">
        <v>268</v>
      </c>
      <c r="C44" s="2" t="s">
        <v>269</v>
      </c>
      <c r="D44" s="4" t="s">
        <v>849</v>
      </c>
      <c r="E44" s="2" t="s">
        <v>1001</v>
      </c>
      <c r="F44" s="2" t="s">
        <v>1012</v>
      </c>
      <c r="G44" s="2" t="s">
        <v>54</v>
      </c>
      <c r="H44" s="2" t="s">
        <v>45</v>
      </c>
      <c r="I44" s="2" t="s">
        <v>1003</v>
      </c>
      <c r="J44" s="2" t="s">
        <v>1013</v>
      </c>
      <c r="K44" s="2" t="s">
        <v>29</v>
      </c>
      <c r="L44" s="2" t="s">
        <v>30</v>
      </c>
      <c r="M44" s="2" t="s">
        <v>1005</v>
      </c>
      <c r="N44" s="2" t="s">
        <v>183</v>
      </c>
      <c r="O44" s="2" t="s">
        <v>905</v>
      </c>
      <c r="P44" s="2" t="s">
        <v>34</v>
      </c>
      <c r="Q44" s="2" t="s">
        <v>34</v>
      </c>
      <c r="R44" s="2" t="s">
        <v>35</v>
      </c>
      <c r="S44" s="2" t="s">
        <v>1014</v>
      </c>
      <c r="T44" s="2" t="s">
        <v>34</v>
      </c>
      <c r="U44" s="2" t="s">
        <v>34</v>
      </c>
      <c r="V44" s="2" t="s">
        <v>34</v>
      </c>
    </row>
    <row r="45" spans="1:22" x14ac:dyDescent="0.25">
      <c r="A45" s="2" t="s">
        <v>843</v>
      </c>
      <c r="B45" s="3" t="s">
        <v>268</v>
      </c>
      <c r="C45" s="2" t="s">
        <v>269</v>
      </c>
      <c r="D45" s="4" t="s">
        <v>1015</v>
      </c>
      <c r="E45" s="2" t="s">
        <v>1001</v>
      </c>
      <c r="F45" s="2" t="s">
        <v>1016</v>
      </c>
      <c r="G45" s="2" t="s">
        <v>60</v>
      </c>
      <c r="H45" s="2" t="s">
        <v>45</v>
      </c>
      <c r="I45" s="2" t="s">
        <v>1009</v>
      </c>
      <c r="J45" s="2" t="s">
        <v>1017</v>
      </c>
      <c r="K45" s="2" t="s">
        <v>29</v>
      </c>
      <c r="L45" s="2" t="s">
        <v>30</v>
      </c>
      <c r="M45" s="2" t="s">
        <v>1005</v>
      </c>
      <c r="N45" s="2" t="s">
        <v>183</v>
      </c>
      <c r="O45" s="2" t="s">
        <v>905</v>
      </c>
      <c r="P45" s="2" t="s">
        <v>34</v>
      </c>
      <c r="Q45" s="2" t="s">
        <v>34</v>
      </c>
      <c r="R45" s="2" t="s">
        <v>35</v>
      </c>
      <c r="S45" s="2" t="s">
        <v>1018</v>
      </c>
      <c r="T45" s="2" t="s">
        <v>34</v>
      </c>
      <c r="U45" s="2" t="s">
        <v>34</v>
      </c>
      <c r="V45" s="2" t="s">
        <v>34</v>
      </c>
    </row>
    <row r="46" spans="1:22" x14ac:dyDescent="0.25">
      <c r="A46" s="2" t="s">
        <v>843</v>
      </c>
      <c r="B46" s="3" t="s">
        <v>268</v>
      </c>
      <c r="C46" s="2" t="s">
        <v>269</v>
      </c>
      <c r="D46" s="4" t="s">
        <v>41</v>
      </c>
      <c r="E46" s="2" t="s">
        <v>853</v>
      </c>
      <c r="F46" s="2" t="s">
        <v>1019</v>
      </c>
      <c r="G46" s="2" t="s">
        <v>133</v>
      </c>
      <c r="H46" s="2" t="s">
        <v>45</v>
      </c>
      <c r="I46" s="2" t="s">
        <v>861</v>
      </c>
      <c r="J46" s="2" t="s">
        <v>1020</v>
      </c>
      <c r="K46" s="2" t="s">
        <v>29</v>
      </c>
      <c r="L46" s="2" t="s">
        <v>30</v>
      </c>
      <c r="M46" s="2" t="s">
        <v>116</v>
      </c>
      <c r="N46" s="2" t="s">
        <v>220</v>
      </c>
      <c r="O46" s="2" t="s">
        <v>189</v>
      </c>
      <c r="P46" s="2" t="s">
        <v>118</v>
      </c>
      <c r="Q46" s="2" t="s">
        <v>857</v>
      </c>
      <c r="R46" s="2" t="s">
        <v>35</v>
      </c>
      <c r="S46" s="2" t="s">
        <v>1021</v>
      </c>
      <c r="T46" s="2" t="s">
        <v>34</v>
      </c>
      <c r="U46" s="2" t="s">
        <v>34</v>
      </c>
      <c r="V46" s="2" t="s">
        <v>34</v>
      </c>
    </row>
    <row r="47" spans="1:22" x14ac:dyDescent="0.25">
      <c r="A47" s="2" t="s">
        <v>843</v>
      </c>
      <c r="B47" s="3" t="s">
        <v>268</v>
      </c>
      <c r="C47" s="2" t="s">
        <v>269</v>
      </c>
      <c r="D47" s="4" t="s">
        <v>859</v>
      </c>
      <c r="E47" s="2" t="s">
        <v>853</v>
      </c>
      <c r="F47" s="2" t="s">
        <v>1022</v>
      </c>
      <c r="G47" s="2" t="s">
        <v>101</v>
      </c>
      <c r="H47" s="2" t="s">
        <v>45</v>
      </c>
      <c r="I47" s="2" t="s">
        <v>861</v>
      </c>
      <c r="J47" s="2" t="s">
        <v>1023</v>
      </c>
      <c r="K47" s="2" t="s">
        <v>29</v>
      </c>
      <c r="L47" s="2" t="s">
        <v>30</v>
      </c>
      <c r="M47" s="2" t="s">
        <v>116</v>
      </c>
      <c r="N47" s="2" t="s">
        <v>220</v>
      </c>
      <c r="O47" s="2" t="s">
        <v>189</v>
      </c>
      <c r="P47" s="2" t="s">
        <v>118</v>
      </c>
      <c r="Q47" s="2" t="s">
        <v>857</v>
      </c>
      <c r="R47" s="2" t="s">
        <v>35</v>
      </c>
      <c r="S47" s="2" t="s">
        <v>1024</v>
      </c>
      <c r="T47" s="2" t="s">
        <v>34</v>
      </c>
      <c r="U47" s="2" t="s">
        <v>34</v>
      </c>
      <c r="V47" s="2" t="s">
        <v>34</v>
      </c>
    </row>
    <row r="48" spans="1:22" x14ac:dyDescent="0.25">
      <c r="A48" s="2" t="s">
        <v>843</v>
      </c>
      <c r="B48" s="3" t="s">
        <v>268</v>
      </c>
      <c r="C48" s="2" t="s">
        <v>269</v>
      </c>
      <c r="D48" s="4" t="s">
        <v>864</v>
      </c>
      <c r="E48" s="2" t="s">
        <v>865</v>
      </c>
      <c r="F48" s="2" t="s">
        <v>1025</v>
      </c>
      <c r="G48" s="2" t="s">
        <v>65</v>
      </c>
      <c r="H48" s="2" t="s">
        <v>45</v>
      </c>
      <c r="I48" s="2" t="s">
        <v>34</v>
      </c>
      <c r="J48" s="2" t="s">
        <v>1026</v>
      </c>
      <c r="K48" s="2" t="s">
        <v>29</v>
      </c>
      <c r="L48" s="2" t="s">
        <v>30</v>
      </c>
      <c r="M48" s="2" t="s">
        <v>31</v>
      </c>
      <c r="N48" s="2" t="s">
        <v>183</v>
      </c>
      <c r="O48" s="2" t="s">
        <v>249</v>
      </c>
      <c r="P48" s="2" t="s">
        <v>118</v>
      </c>
      <c r="Q48" s="2" t="s">
        <v>34</v>
      </c>
      <c r="R48" s="2" t="s">
        <v>35</v>
      </c>
      <c r="S48" s="2" t="s">
        <v>1027</v>
      </c>
      <c r="T48" s="2" t="s">
        <v>34</v>
      </c>
      <c r="U48" s="2" t="s">
        <v>34</v>
      </c>
      <c r="V48" s="2" t="s">
        <v>34</v>
      </c>
    </row>
    <row r="49" spans="1:22" x14ac:dyDescent="0.25">
      <c r="A49" s="2" t="s">
        <v>843</v>
      </c>
      <c r="B49" s="3" t="s">
        <v>268</v>
      </c>
      <c r="C49" s="2" t="s">
        <v>269</v>
      </c>
      <c r="D49" s="4" t="s">
        <v>869</v>
      </c>
      <c r="E49" s="2" t="s">
        <v>935</v>
      </c>
      <c r="F49" s="2" t="s">
        <v>1028</v>
      </c>
      <c r="G49" s="2" t="s">
        <v>560</v>
      </c>
      <c r="H49" s="2" t="s">
        <v>27</v>
      </c>
      <c r="I49" s="2" t="s">
        <v>1029</v>
      </c>
      <c r="J49" s="2" t="s">
        <v>1030</v>
      </c>
      <c r="K49" s="2" t="s">
        <v>29</v>
      </c>
      <c r="L49" s="2" t="s">
        <v>30</v>
      </c>
      <c r="M49" s="2" t="s">
        <v>31</v>
      </c>
      <c r="N49" s="2" t="s">
        <v>104</v>
      </c>
      <c r="O49" s="2" t="s">
        <v>189</v>
      </c>
      <c r="P49" s="2" t="s">
        <v>118</v>
      </c>
      <c r="Q49" s="2" t="s">
        <v>34</v>
      </c>
      <c r="R49" s="2" t="s">
        <v>35</v>
      </c>
      <c r="S49" s="2" t="s">
        <v>1031</v>
      </c>
      <c r="T49" s="2" t="s">
        <v>34</v>
      </c>
      <c r="U49" s="2" t="s">
        <v>34</v>
      </c>
      <c r="V49" s="2" t="s">
        <v>34</v>
      </c>
    </row>
    <row r="50" spans="1:22" x14ac:dyDescent="0.25">
      <c r="A50" s="2" t="s">
        <v>843</v>
      </c>
      <c r="B50" s="3" t="s">
        <v>268</v>
      </c>
      <c r="C50" s="2" t="s">
        <v>269</v>
      </c>
      <c r="D50" s="4" t="s">
        <v>1032</v>
      </c>
      <c r="E50" s="2" t="s">
        <v>935</v>
      </c>
      <c r="F50" s="2" t="s">
        <v>1033</v>
      </c>
      <c r="G50" s="2" t="s">
        <v>564</v>
      </c>
      <c r="H50" s="2" t="s">
        <v>27</v>
      </c>
      <c r="I50" s="2" t="s">
        <v>1029</v>
      </c>
      <c r="J50" s="2" t="s">
        <v>1034</v>
      </c>
      <c r="K50" s="2" t="s">
        <v>29</v>
      </c>
      <c r="L50" s="2" t="s">
        <v>30</v>
      </c>
      <c r="M50" s="2" t="s">
        <v>31</v>
      </c>
      <c r="N50" s="2" t="s">
        <v>104</v>
      </c>
      <c r="O50" s="2" t="s">
        <v>189</v>
      </c>
      <c r="P50" s="2" t="s">
        <v>118</v>
      </c>
      <c r="Q50" s="2" t="s">
        <v>34</v>
      </c>
      <c r="R50" s="2" t="s">
        <v>35</v>
      </c>
      <c r="S50" s="2" t="s">
        <v>1035</v>
      </c>
      <c r="T50" s="2" t="s">
        <v>34</v>
      </c>
      <c r="U50" s="2" t="s">
        <v>34</v>
      </c>
      <c r="V50" s="2" t="s">
        <v>34</v>
      </c>
    </row>
    <row r="51" spans="1:22" x14ac:dyDescent="0.25">
      <c r="A51" s="2" t="s">
        <v>843</v>
      </c>
      <c r="B51" s="3" t="s">
        <v>268</v>
      </c>
      <c r="C51" s="2" t="s">
        <v>269</v>
      </c>
      <c r="D51" s="4" t="s">
        <v>1036</v>
      </c>
      <c r="E51" s="2" t="s">
        <v>935</v>
      </c>
      <c r="F51" s="2" t="s">
        <v>1037</v>
      </c>
      <c r="G51" s="2" t="s">
        <v>574</v>
      </c>
      <c r="H51" s="2" t="s">
        <v>27</v>
      </c>
      <c r="I51" s="2" t="s">
        <v>1029</v>
      </c>
      <c r="J51" s="2" t="s">
        <v>1038</v>
      </c>
      <c r="K51" s="2" t="s">
        <v>29</v>
      </c>
      <c r="L51" s="2" t="s">
        <v>30</v>
      </c>
      <c r="M51" s="2" t="s">
        <v>31</v>
      </c>
      <c r="N51" s="2" t="s">
        <v>104</v>
      </c>
      <c r="O51" s="2" t="s">
        <v>189</v>
      </c>
      <c r="P51" s="2" t="s">
        <v>118</v>
      </c>
      <c r="Q51" s="2" t="s">
        <v>34</v>
      </c>
      <c r="R51" s="2" t="s">
        <v>35</v>
      </c>
      <c r="S51" s="2" t="s">
        <v>1039</v>
      </c>
      <c r="T51" s="2" t="s">
        <v>34</v>
      </c>
      <c r="U51" s="2" t="s">
        <v>34</v>
      </c>
      <c r="V51" s="2" t="s">
        <v>34</v>
      </c>
    </row>
    <row r="52" spans="1:22" x14ac:dyDescent="0.25">
      <c r="A52" s="2" t="s">
        <v>843</v>
      </c>
      <c r="B52" s="3" t="s">
        <v>268</v>
      </c>
      <c r="C52" s="2" t="s">
        <v>269</v>
      </c>
      <c r="D52" s="4" t="s">
        <v>1040</v>
      </c>
      <c r="E52" s="2" t="s">
        <v>935</v>
      </c>
      <c r="F52" s="2" t="s">
        <v>1041</v>
      </c>
      <c r="G52" s="2" t="s">
        <v>540</v>
      </c>
      <c r="H52" s="2" t="s">
        <v>27</v>
      </c>
      <c r="I52" s="2" t="s">
        <v>1029</v>
      </c>
      <c r="J52" s="2" t="s">
        <v>1042</v>
      </c>
      <c r="K52" s="2" t="s">
        <v>29</v>
      </c>
      <c r="L52" s="2" t="s">
        <v>30</v>
      </c>
      <c r="M52" s="2" t="s">
        <v>31</v>
      </c>
      <c r="N52" s="2" t="s">
        <v>104</v>
      </c>
      <c r="O52" s="2" t="s">
        <v>189</v>
      </c>
      <c r="P52" s="2" t="s">
        <v>118</v>
      </c>
      <c r="Q52" s="2" t="s">
        <v>34</v>
      </c>
      <c r="R52" s="2" t="s">
        <v>35</v>
      </c>
      <c r="S52" s="2" t="s">
        <v>1043</v>
      </c>
      <c r="T52" s="2" t="s">
        <v>34</v>
      </c>
      <c r="U52" s="2" t="s">
        <v>34</v>
      </c>
      <c r="V52" s="2" t="s">
        <v>34</v>
      </c>
    </row>
    <row r="53" spans="1:22" x14ac:dyDescent="0.25">
      <c r="A53" s="2" t="s">
        <v>843</v>
      </c>
      <c r="B53" s="3" t="s">
        <v>268</v>
      </c>
      <c r="C53" s="2" t="s">
        <v>269</v>
      </c>
      <c r="D53" s="4" t="s">
        <v>1044</v>
      </c>
      <c r="E53" s="2" t="s">
        <v>853</v>
      </c>
      <c r="F53" s="2" t="s">
        <v>1045</v>
      </c>
      <c r="G53" s="2" t="s">
        <v>381</v>
      </c>
      <c r="H53" s="2" t="s">
        <v>45</v>
      </c>
      <c r="I53" s="2" t="s">
        <v>861</v>
      </c>
      <c r="J53" s="2" t="s">
        <v>1046</v>
      </c>
      <c r="K53" s="2" t="s">
        <v>29</v>
      </c>
      <c r="L53" s="2" t="s">
        <v>30</v>
      </c>
      <c r="M53" s="2" t="s">
        <v>116</v>
      </c>
      <c r="N53" s="2" t="s">
        <v>220</v>
      </c>
      <c r="O53" s="2" t="s">
        <v>189</v>
      </c>
      <c r="P53" s="2" t="s">
        <v>118</v>
      </c>
      <c r="Q53" s="2" t="s">
        <v>857</v>
      </c>
      <c r="R53" s="2" t="s">
        <v>35</v>
      </c>
      <c r="S53" s="2" t="s">
        <v>1047</v>
      </c>
      <c r="T53" s="2" t="s">
        <v>34</v>
      </c>
      <c r="U53" s="2" t="s">
        <v>34</v>
      </c>
      <c r="V53" s="2" t="s">
        <v>34</v>
      </c>
    </row>
    <row r="54" spans="1:22" x14ac:dyDescent="0.25">
      <c r="A54" s="2" t="s">
        <v>843</v>
      </c>
      <c r="B54" s="3" t="s">
        <v>268</v>
      </c>
      <c r="C54" s="2" t="s">
        <v>269</v>
      </c>
      <c r="D54" s="4" t="s">
        <v>1048</v>
      </c>
      <c r="E54" s="2" t="s">
        <v>853</v>
      </c>
      <c r="F54" s="2" t="s">
        <v>1049</v>
      </c>
      <c r="G54" s="2" t="s">
        <v>95</v>
      </c>
      <c r="H54" s="2" t="s">
        <v>86</v>
      </c>
      <c r="I54" s="2" t="s">
        <v>861</v>
      </c>
      <c r="J54" s="2" t="s">
        <v>1050</v>
      </c>
      <c r="K54" s="2" t="s">
        <v>29</v>
      </c>
      <c r="L54" s="2" t="s">
        <v>30</v>
      </c>
      <c r="M54" s="2" t="s">
        <v>116</v>
      </c>
      <c r="N54" s="2" t="s">
        <v>183</v>
      </c>
      <c r="O54" s="2" t="s">
        <v>189</v>
      </c>
      <c r="P54" s="2" t="s">
        <v>118</v>
      </c>
      <c r="Q54" s="2" t="s">
        <v>34</v>
      </c>
      <c r="R54" s="2" t="s">
        <v>35</v>
      </c>
      <c r="S54" s="2" t="s">
        <v>1051</v>
      </c>
      <c r="T54" s="2" t="s">
        <v>34</v>
      </c>
      <c r="U54" s="2" t="s">
        <v>34</v>
      </c>
      <c r="V54" s="2" t="s">
        <v>34</v>
      </c>
    </row>
    <row r="55" spans="1:22" x14ac:dyDescent="0.25">
      <c r="A55" s="2" t="s">
        <v>843</v>
      </c>
      <c r="B55" s="3" t="s">
        <v>268</v>
      </c>
      <c r="C55" s="2" t="s">
        <v>269</v>
      </c>
      <c r="D55" s="4" t="s">
        <v>1052</v>
      </c>
      <c r="E55" s="2" t="s">
        <v>853</v>
      </c>
      <c r="F55" s="2" t="s">
        <v>1053</v>
      </c>
      <c r="G55" s="2" t="s">
        <v>290</v>
      </c>
      <c r="H55" s="2" t="s">
        <v>86</v>
      </c>
      <c r="I55" s="2" t="s">
        <v>861</v>
      </c>
      <c r="J55" s="2" t="s">
        <v>1054</v>
      </c>
      <c r="K55" s="2" t="s">
        <v>29</v>
      </c>
      <c r="L55" s="2" t="s">
        <v>30</v>
      </c>
      <c r="M55" s="2" t="s">
        <v>116</v>
      </c>
      <c r="N55" s="2" t="s">
        <v>183</v>
      </c>
      <c r="O55" s="2" t="s">
        <v>189</v>
      </c>
      <c r="P55" s="2" t="s">
        <v>118</v>
      </c>
      <c r="Q55" s="2" t="s">
        <v>34</v>
      </c>
      <c r="R55" s="2" t="s">
        <v>35</v>
      </c>
      <c r="S55" s="2" t="s">
        <v>1055</v>
      </c>
      <c r="T55" s="2" t="s">
        <v>34</v>
      </c>
      <c r="U55" s="2" t="s">
        <v>34</v>
      </c>
      <c r="V55" s="2" t="s">
        <v>34</v>
      </c>
    </row>
    <row r="56" spans="1:22" x14ac:dyDescent="0.25">
      <c r="A56" s="2" t="s">
        <v>843</v>
      </c>
      <c r="B56" s="3" t="s">
        <v>268</v>
      </c>
      <c r="C56" s="2" t="s">
        <v>269</v>
      </c>
      <c r="D56" s="4" t="s">
        <v>891</v>
      </c>
      <c r="E56" s="2" t="s">
        <v>892</v>
      </c>
      <c r="F56" s="2" t="s">
        <v>1056</v>
      </c>
      <c r="G56" s="2" t="s">
        <v>44</v>
      </c>
      <c r="H56" s="2" t="s">
        <v>45</v>
      </c>
      <c r="I56" s="2" t="s">
        <v>34</v>
      </c>
      <c r="J56" s="2" t="s">
        <v>1057</v>
      </c>
      <c r="K56" s="2" t="s">
        <v>29</v>
      </c>
      <c r="L56" s="2" t="s">
        <v>895</v>
      </c>
      <c r="M56" s="2" t="s">
        <v>31</v>
      </c>
      <c r="N56" s="2" t="s">
        <v>183</v>
      </c>
      <c r="O56" s="2" t="s">
        <v>33</v>
      </c>
      <c r="P56" s="2" t="s">
        <v>34</v>
      </c>
      <c r="Q56" s="2" t="s">
        <v>34</v>
      </c>
      <c r="R56" s="2" t="s">
        <v>35</v>
      </c>
      <c r="S56" s="2" t="s">
        <v>1058</v>
      </c>
      <c r="T56" s="2" t="s">
        <v>34</v>
      </c>
      <c r="U56" s="2" t="s">
        <v>34</v>
      </c>
      <c r="V56" s="2" t="s">
        <v>34</v>
      </c>
    </row>
    <row r="57" spans="1:22" x14ac:dyDescent="0.25">
      <c r="A57" s="2" t="s">
        <v>843</v>
      </c>
      <c r="B57" s="3" t="s">
        <v>268</v>
      </c>
      <c r="C57" s="2" t="s">
        <v>269</v>
      </c>
      <c r="D57" s="4" t="s">
        <v>127</v>
      </c>
      <c r="E57" s="2" t="s">
        <v>897</v>
      </c>
      <c r="F57" s="2" t="s">
        <v>1059</v>
      </c>
      <c r="G57" s="2" t="s">
        <v>381</v>
      </c>
      <c r="H57" s="2" t="s">
        <v>45</v>
      </c>
      <c r="I57" s="2" t="s">
        <v>899</v>
      </c>
      <c r="J57" s="2" t="s">
        <v>1060</v>
      </c>
      <c r="K57" s="2" t="s">
        <v>29</v>
      </c>
      <c r="L57" s="2" t="s">
        <v>30</v>
      </c>
      <c r="M57" s="2" t="s">
        <v>31</v>
      </c>
      <c r="N57" s="2" t="s">
        <v>183</v>
      </c>
      <c r="O57" s="2" t="s">
        <v>189</v>
      </c>
      <c r="P57" s="2" t="s">
        <v>34</v>
      </c>
      <c r="Q57" s="2" t="s">
        <v>34</v>
      </c>
      <c r="R57" s="2" t="s">
        <v>35</v>
      </c>
      <c r="S57" s="2" t="s">
        <v>1061</v>
      </c>
      <c r="T57" s="2" t="s">
        <v>34</v>
      </c>
      <c r="U57" s="2" t="s">
        <v>34</v>
      </c>
      <c r="V57" s="2" t="s">
        <v>34</v>
      </c>
    </row>
    <row r="58" spans="1:22" x14ac:dyDescent="0.25">
      <c r="A58" s="2" t="s">
        <v>843</v>
      </c>
      <c r="B58" s="3" t="s">
        <v>268</v>
      </c>
      <c r="C58" s="2" t="s">
        <v>269</v>
      </c>
      <c r="D58" s="4" t="s">
        <v>902</v>
      </c>
      <c r="E58" s="2" t="s">
        <v>897</v>
      </c>
      <c r="F58" s="2" t="s">
        <v>1062</v>
      </c>
      <c r="G58" s="2" t="s">
        <v>75</v>
      </c>
      <c r="H58" s="2" t="s">
        <v>45</v>
      </c>
      <c r="I58" s="2" t="s">
        <v>899</v>
      </c>
      <c r="J58" s="2" t="s">
        <v>1063</v>
      </c>
      <c r="K58" s="2" t="s">
        <v>29</v>
      </c>
      <c r="L58" s="2" t="s">
        <v>30</v>
      </c>
      <c r="M58" s="2" t="s">
        <v>31</v>
      </c>
      <c r="N58" s="2" t="s">
        <v>183</v>
      </c>
      <c r="O58" s="2" t="s">
        <v>905</v>
      </c>
      <c r="P58" s="2" t="s">
        <v>34</v>
      </c>
      <c r="Q58" s="2" t="s">
        <v>34</v>
      </c>
      <c r="R58" s="2" t="s">
        <v>35</v>
      </c>
      <c r="S58" s="2" t="s">
        <v>1064</v>
      </c>
      <c r="T58" s="2"/>
      <c r="U58" s="2" t="s">
        <v>34</v>
      </c>
      <c r="V58" s="2" t="s">
        <v>34</v>
      </c>
    </row>
    <row r="59" spans="1:22" x14ac:dyDescent="0.25">
      <c r="A59" s="2" t="s">
        <v>843</v>
      </c>
      <c r="B59" s="3" t="s">
        <v>268</v>
      </c>
      <c r="C59" s="2" t="s">
        <v>269</v>
      </c>
      <c r="D59" s="4" t="s">
        <v>142</v>
      </c>
      <c r="E59" s="2" t="s">
        <v>853</v>
      </c>
      <c r="F59" s="2" t="s">
        <v>873</v>
      </c>
      <c r="G59" s="2" t="s">
        <v>449</v>
      </c>
      <c r="H59" s="2" t="s">
        <v>27</v>
      </c>
      <c r="I59" s="2" t="s">
        <v>861</v>
      </c>
      <c r="J59" s="2" t="s">
        <v>874</v>
      </c>
      <c r="K59" s="2" t="s">
        <v>29</v>
      </c>
      <c r="L59" s="2" t="s">
        <v>30</v>
      </c>
      <c r="M59" s="2" t="s">
        <v>116</v>
      </c>
      <c r="N59" s="2" t="s">
        <v>525</v>
      </c>
      <c r="O59" s="2" t="s">
        <v>189</v>
      </c>
      <c r="P59" s="2" t="s">
        <v>118</v>
      </c>
      <c r="Q59" s="2" t="s">
        <v>34</v>
      </c>
      <c r="R59" s="2" t="s">
        <v>35</v>
      </c>
      <c r="S59" s="2" t="s">
        <v>875</v>
      </c>
      <c r="T59" s="2" t="s">
        <v>34</v>
      </c>
      <c r="U59" s="2" t="s">
        <v>34</v>
      </c>
      <c r="V59" s="2" t="s">
        <v>34</v>
      </c>
    </row>
    <row r="60" spans="1:22" x14ac:dyDescent="0.25">
      <c r="A60" s="2" t="s">
        <v>843</v>
      </c>
      <c r="B60" s="3" t="s">
        <v>268</v>
      </c>
      <c r="C60" s="2" t="s">
        <v>269</v>
      </c>
      <c r="D60" s="4" t="s">
        <v>910</v>
      </c>
      <c r="E60" s="2" t="s">
        <v>853</v>
      </c>
      <c r="F60" s="2" t="s">
        <v>1065</v>
      </c>
      <c r="G60" s="2" t="s">
        <v>516</v>
      </c>
      <c r="H60" s="2" t="s">
        <v>27</v>
      </c>
      <c r="I60" s="2" t="s">
        <v>861</v>
      </c>
      <c r="J60" s="2" t="s">
        <v>1066</v>
      </c>
      <c r="K60" s="2" t="s">
        <v>29</v>
      </c>
      <c r="L60" s="2" t="s">
        <v>30</v>
      </c>
      <c r="M60" s="2" t="s">
        <v>116</v>
      </c>
      <c r="N60" s="2" t="s">
        <v>525</v>
      </c>
      <c r="O60" s="2" t="s">
        <v>189</v>
      </c>
      <c r="P60" s="2" t="s">
        <v>118</v>
      </c>
      <c r="Q60" s="2" t="s">
        <v>34</v>
      </c>
      <c r="R60" s="2" t="s">
        <v>35</v>
      </c>
      <c r="S60" s="2" t="s">
        <v>1067</v>
      </c>
      <c r="T60" s="2" t="s">
        <v>34</v>
      </c>
      <c r="U60" s="2" t="s">
        <v>34</v>
      </c>
      <c r="V60" s="2" t="s">
        <v>34</v>
      </c>
    </row>
    <row r="61" spans="1:22" x14ac:dyDescent="0.25">
      <c r="A61" s="2" t="s">
        <v>843</v>
      </c>
      <c r="B61" s="3" t="s">
        <v>268</v>
      </c>
      <c r="C61" s="2" t="s">
        <v>269</v>
      </c>
      <c r="D61" s="4" t="s">
        <v>145</v>
      </c>
      <c r="E61" s="2" t="s">
        <v>914</v>
      </c>
      <c r="F61" s="2" t="s">
        <v>1068</v>
      </c>
      <c r="G61" s="2" t="s">
        <v>86</v>
      </c>
      <c r="H61" s="2" t="s">
        <v>45</v>
      </c>
      <c r="I61" s="2" t="s">
        <v>1069</v>
      </c>
      <c r="J61" s="2" t="s">
        <v>1070</v>
      </c>
      <c r="K61" s="2" t="s">
        <v>29</v>
      </c>
      <c r="L61" s="2" t="s">
        <v>30</v>
      </c>
      <c r="M61" s="2" t="s">
        <v>31</v>
      </c>
      <c r="N61" s="2" t="s">
        <v>104</v>
      </c>
      <c r="O61" s="2" t="s">
        <v>249</v>
      </c>
      <c r="P61" s="2" t="s">
        <v>34</v>
      </c>
      <c r="Q61" s="2" t="s">
        <v>34</v>
      </c>
      <c r="R61" s="2" t="s">
        <v>35</v>
      </c>
      <c r="S61" s="2" t="s">
        <v>1071</v>
      </c>
      <c r="T61" s="2" t="s">
        <v>34</v>
      </c>
      <c r="U61" s="2" t="s">
        <v>34</v>
      </c>
      <c r="V61" s="2" t="s">
        <v>1072</v>
      </c>
    </row>
    <row r="62" spans="1:22" x14ac:dyDescent="0.25">
      <c r="A62" s="2" t="s">
        <v>843</v>
      </c>
      <c r="B62" s="3" t="s">
        <v>268</v>
      </c>
      <c r="C62" s="2" t="s">
        <v>269</v>
      </c>
      <c r="D62" s="4" t="s">
        <v>918</v>
      </c>
      <c r="E62" s="2" t="s">
        <v>914</v>
      </c>
      <c r="F62" s="2" t="s">
        <v>1073</v>
      </c>
      <c r="G62" s="2" t="s">
        <v>101</v>
      </c>
      <c r="H62" s="2" t="s">
        <v>45</v>
      </c>
      <c r="I62" s="2" t="s">
        <v>1074</v>
      </c>
      <c r="J62" s="2" t="s">
        <v>1075</v>
      </c>
      <c r="K62" s="2" t="s">
        <v>29</v>
      </c>
      <c r="L62" s="2" t="s">
        <v>30</v>
      </c>
      <c r="M62" s="2" t="s">
        <v>31</v>
      </c>
      <c r="N62" s="2" t="s">
        <v>104</v>
      </c>
      <c r="O62" s="2" t="s">
        <v>249</v>
      </c>
      <c r="P62" s="2" t="s">
        <v>34</v>
      </c>
      <c r="Q62" s="2" t="s">
        <v>34</v>
      </c>
      <c r="R62" s="2" t="s">
        <v>35</v>
      </c>
      <c r="S62" s="2" t="s">
        <v>1076</v>
      </c>
      <c r="T62" s="2" t="s">
        <v>34</v>
      </c>
      <c r="U62" s="2" t="s">
        <v>34</v>
      </c>
      <c r="V62" s="2" t="s">
        <v>1072</v>
      </c>
    </row>
    <row r="63" spans="1:22" x14ac:dyDescent="0.25">
      <c r="A63" s="2" t="s">
        <v>843</v>
      </c>
      <c r="B63" s="3" t="s">
        <v>268</v>
      </c>
      <c r="C63" s="2" t="s">
        <v>269</v>
      </c>
      <c r="D63" s="4" t="s">
        <v>175</v>
      </c>
      <c r="E63" s="2" t="s">
        <v>922</v>
      </c>
      <c r="F63" s="2" t="s">
        <v>1077</v>
      </c>
      <c r="G63" s="2" t="s">
        <v>337</v>
      </c>
      <c r="H63" s="2" t="s">
        <v>45</v>
      </c>
      <c r="I63" s="2" t="s">
        <v>924</v>
      </c>
      <c r="J63" s="2" t="s">
        <v>1078</v>
      </c>
      <c r="K63" s="2" t="s">
        <v>29</v>
      </c>
      <c r="L63" s="2" t="s">
        <v>30</v>
      </c>
      <c r="M63" s="2" t="s">
        <v>116</v>
      </c>
      <c r="N63" s="2" t="s">
        <v>104</v>
      </c>
      <c r="O63" s="2" t="s">
        <v>50</v>
      </c>
      <c r="P63" s="2" t="s">
        <v>34</v>
      </c>
      <c r="Q63" s="2" t="s">
        <v>34</v>
      </c>
      <c r="R63" s="2" t="s">
        <v>35</v>
      </c>
      <c r="S63" s="2" t="s">
        <v>1079</v>
      </c>
      <c r="T63" s="2" t="s">
        <v>34</v>
      </c>
      <c r="U63" s="2" t="s">
        <v>34</v>
      </c>
      <c r="V63" s="2" t="s">
        <v>34</v>
      </c>
    </row>
    <row r="64" spans="1:22" x14ac:dyDescent="0.25">
      <c r="A64" s="2" t="s">
        <v>843</v>
      </c>
      <c r="B64" s="3" t="s">
        <v>268</v>
      </c>
      <c r="C64" s="2" t="s">
        <v>269</v>
      </c>
      <c r="D64" s="4" t="s">
        <v>927</v>
      </c>
      <c r="E64" s="2" t="s">
        <v>922</v>
      </c>
      <c r="F64" s="2" t="s">
        <v>1080</v>
      </c>
      <c r="G64" s="2" t="s">
        <v>211</v>
      </c>
      <c r="H64" s="2" t="s">
        <v>45</v>
      </c>
      <c r="I64" s="2" t="s">
        <v>924</v>
      </c>
      <c r="J64" s="2" t="s">
        <v>1081</v>
      </c>
      <c r="K64" s="2" t="s">
        <v>29</v>
      </c>
      <c r="L64" s="2" t="s">
        <v>30</v>
      </c>
      <c r="M64" s="2" t="s">
        <v>116</v>
      </c>
      <c r="N64" s="2" t="s">
        <v>104</v>
      </c>
      <c r="O64" s="2" t="s">
        <v>50</v>
      </c>
      <c r="P64" s="2" t="s">
        <v>34</v>
      </c>
      <c r="Q64" s="2" t="s">
        <v>34</v>
      </c>
      <c r="R64" s="2" t="s">
        <v>35</v>
      </c>
      <c r="S64" s="2" t="s">
        <v>1082</v>
      </c>
      <c r="T64" s="2" t="s">
        <v>34</v>
      </c>
      <c r="U64" s="2" t="s">
        <v>34</v>
      </c>
      <c r="V64" s="2" t="s">
        <v>34</v>
      </c>
    </row>
    <row r="65" spans="1:22" x14ac:dyDescent="0.25">
      <c r="A65" s="2" t="s">
        <v>843</v>
      </c>
      <c r="B65" s="3" t="s">
        <v>268</v>
      </c>
      <c r="C65" s="2" t="s">
        <v>269</v>
      </c>
      <c r="D65" s="4" t="s">
        <v>179</v>
      </c>
      <c r="E65" s="2" t="s">
        <v>922</v>
      </c>
      <c r="F65" s="2" t="s">
        <v>1083</v>
      </c>
      <c r="G65" s="2" t="s">
        <v>1084</v>
      </c>
      <c r="H65" s="2" t="s">
        <v>45</v>
      </c>
      <c r="I65" s="2" t="s">
        <v>924</v>
      </c>
      <c r="J65" s="2" t="s">
        <v>1085</v>
      </c>
      <c r="K65" s="2" t="s">
        <v>29</v>
      </c>
      <c r="L65" s="2" t="s">
        <v>30</v>
      </c>
      <c r="M65" s="2" t="s">
        <v>116</v>
      </c>
      <c r="N65" s="2" t="s">
        <v>104</v>
      </c>
      <c r="O65" s="2" t="s">
        <v>50</v>
      </c>
      <c r="P65" s="2" t="s">
        <v>34</v>
      </c>
      <c r="Q65" s="2" t="s">
        <v>34</v>
      </c>
      <c r="R65" s="2" t="s">
        <v>35</v>
      </c>
      <c r="S65" s="2" t="s">
        <v>1086</v>
      </c>
      <c r="T65" s="2" t="s">
        <v>34</v>
      </c>
      <c r="U65" s="2" t="s">
        <v>34</v>
      </c>
      <c r="V65" s="2" t="s">
        <v>34</v>
      </c>
    </row>
    <row r="66" spans="1:22" x14ac:dyDescent="0.25">
      <c r="A66" s="2" t="s">
        <v>843</v>
      </c>
      <c r="B66" s="3" t="s">
        <v>268</v>
      </c>
      <c r="C66" s="2" t="s">
        <v>269</v>
      </c>
      <c r="D66" s="4" t="s">
        <v>934</v>
      </c>
      <c r="E66" s="2" t="s">
        <v>935</v>
      </c>
      <c r="F66" s="2" t="s">
        <v>1087</v>
      </c>
      <c r="G66" s="2" t="s">
        <v>1088</v>
      </c>
      <c r="H66" s="2" t="s">
        <v>86</v>
      </c>
      <c r="I66" s="2" t="s">
        <v>34</v>
      </c>
      <c r="J66" s="2" t="s">
        <v>1089</v>
      </c>
      <c r="K66" s="2" t="s">
        <v>29</v>
      </c>
      <c r="L66" s="2" t="s">
        <v>30</v>
      </c>
      <c r="M66" s="2" t="s">
        <v>31</v>
      </c>
      <c r="N66" s="2" t="s">
        <v>49</v>
      </c>
      <c r="O66" s="2" t="s">
        <v>189</v>
      </c>
      <c r="P66" s="2" t="s">
        <v>118</v>
      </c>
      <c r="Q66" s="2" t="s">
        <v>34</v>
      </c>
      <c r="R66" s="2" t="s">
        <v>35</v>
      </c>
      <c r="S66" s="2" t="s">
        <v>1090</v>
      </c>
      <c r="T66" s="2" t="s">
        <v>34</v>
      </c>
      <c r="U66" s="2" t="s">
        <v>34</v>
      </c>
      <c r="V66" s="2" t="s">
        <v>34</v>
      </c>
    </row>
    <row r="67" spans="1:22" x14ac:dyDescent="0.25">
      <c r="A67" s="2" t="s">
        <v>843</v>
      </c>
      <c r="B67" s="3" t="s">
        <v>268</v>
      </c>
      <c r="C67" s="2" t="s">
        <v>269</v>
      </c>
      <c r="D67" s="4" t="s">
        <v>474</v>
      </c>
      <c r="E67" s="2" t="s">
        <v>935</v>
      </c>
      <c r="F67" s="2" t="s">
        <v>1091</v>
      </c>
      <c r="G67" s="2" t="s">
        <v>1092</v>
      </c>
      <c r="H67" s="2" t="s">
        <v>86</v>
      </c>
      <c r="I67" s="2" t="s">
        <v>34</v>
      </c>
      <c r="J67" s="2" t="s">
        <v>1093</v>
      </c>
      <c r="K67" s="2" t="s">
        <v>29</v>
      </c>
      <c r="L67" s="2" t="s">
        <v>30</v>
      </c>
      <c r="M67" s="2" t="s">
        <v>31</v>
      </c>
      <c r="N67" s="2" t="s">
        <v>49</v>
      </c>
      <c r="O67" s="2" t="s">
        <v>189</v>
      </c>
      <c r="P67" s="2" t="s">
        <v>118</v>
      </c>
      <c r="Q67" s="2" t="s">
        <v>34</v>
      </c>
      <c r="R67" s="2" t="s">
        <v>35</v>
      </c>
      <c r="S67" s="2" t="s">
        <v>1094</v>
      </c>
      <c r="T67" s="2" t="s">
        <v>34</v>
      </c>
      <c r="U67" s="2" t="s">
        <v>34</v>
      </c>
      <c r="V67" s="2" t="s">
        <v>34</v>
      </c>
    </row>
    <row r="68" spans="1:22" x14ac:dyDescent="0.25">
      <c r="A68" s="2" t="s">
        <v>843</v>
      </c>
      <c r="B68" s="3" t="s">
        <v>268</v>
      </c>
      <c r="C68" s="2" t="s">
        <v>269</v>
      </c>
      <c r="D68" s="4" t="s">
        <v>943</v>
      </c>
      <c r="E68" s="2" t="s">
        <v>853</v>
      </c>
      <c r="F68" s="2" t="s">
        <v>1095</v>
      </c>
      <c r="G68" s="2" t="s">
        <v>560</v>
      </c>
      <c r="H68" s="2" t="s">
        <v>27</v>
      </c>
      <c r="I68" s="2" t="s">
        <v>861</v>
      </c>
      <c r="J68" s="2" t="s">
        <v>1096</v>
      </c>
      <c r="K68" s="2" t="s">
        <v>29</v>
      </c>
      <c r="L68" s="2" t="s">
        <v>34</v>
      </c>
      <c r="M68" s="2" t="s">
        <v>116</v>
      </c>
      <c r="N68" s="2" t="s">
        <v>525</v>
      </c>
      <c r="O68" s="2" t="s">
        <v>189</v>
      </c>
      <c r="P68" s="2" t="s">
        <v>118</v>
      </c>
      <c r="Q68" s="2" t="s">
        <v>34</v>
      </c>
      <c r="R68" s="2" t="s">
        <v>35</v>
      </c>
      <c r="S68" s="2" t="s">
        <v>1097</v>
      </c>
      <c r="T68" s="2" t="s">
        <v>34</v>
      </c>
      <c r="U68" s="2" t="s">
        <v>34</v>
      </c>
      <c r="V68" s="2" t="s">
        <v>34</v>
      </c>
    </row>
    <row r="69" spans="1:22" x14ac:dyDescent="0.25">
      <c r="A69" s="2" t="s">
        <v>843</v>
      </c>
      <c r="B69" s="3" t="s">
        <v>268</v>
      </c>
      <c r="C69" s="2" t="s">
        <v>269</v>
      </c>
      <c r="D69" s="4" t="s">
        <v>947</v>
      </c>
      <c r="E69" s="2" t="s">
        <v>853</v>
      </c>
      <c r="F69" s="2" t="s">
        <v>1098</v>
      </c>
      <c r="G69" s="2" t="s">
        <v>564</v>
      </c>
      <c r="H69" s="2" t="s">
        <v>27</v>
      </c>
      <c r="I69" s="2" t="s">
        <v>861</v>
      </c>
      <c r="J69" s="2" t="s">
        <v>1099</v>
      </c>
      <c r="K69" s="2" t="s">
        <v>29</v>
      </c>
      <c r="L69" s="2" t="s">
        <v>30</v>
      </c>
      <c r="M69" s="2" t="s">
        <v>116</v>
      </c>
      <c r="N69" s="2" t="s">
        <v>525</v>
      </c>
      <c r="O69" s="2" t="s">
        <v>189</v>
      </c>
      <c r="P69" s="2" t="s">
        <v>118</v>
      </c>
      <c r="Q69" s="2" t="s">
        <v>34</v>
      </c>
      <c r="R69" s="2" t="s">
        <v>35</v>
      </c>
      <c r="S69" s="2" t="s">
        <v>1100</v>
      </c>
      <c r="T69" s="2" t="s">
        <v>34</v>
      </c>
      <c r="U69" s="2" t="s">
        <v>34</v>
      </c>
      <c r="V69" s="2" t="s">
        <v>34</v>
      </c>
    </row>
    <row r="70" spans="1:22" x14ac:dyDescent="0.25">
      <c r="A70" s="2" t="s">
        <v>843</v>
      </c>
      <c r="B70" s="3" t="s">
        <v>268</v>
      </c>
      <c r="C70" s="2" t="s">
        <v>269</v>
      </c>
      <c r="D70" s="4" t="s">
        <v>951</v>
      </c>
      <c r="E70" s="2" t="s">
        <v>865</v>
      </c>
      <c r="F70" s="2" t="s">
        <v>1101</v>
      </c>
      <c r="G70" s="2" t="s">
        <v>75</v>
      </c>
      <c r="H70" s="2" t="s">
        <v>45</v>
      </c>
      <c r="I70" s="2" t="s">
        <v>34</v>
      </c>
      <c r="J70" s="2" t="s">
        <v>1102</v>
      </c>
      <c r="K70" s="2" t="s">
        <v>29</v>
      </c>
      <c r="L70" s="2" t="s">
        <v>30</v>
      </c>
      <c r="M70" s="2" t="s">
        <v>31</v>
      </c>
      <c r="N70" s="2" t="s">
        <v>183</v>
      </c>
      <c r="O70" s="2" t="s">
        <v>249</v>
      </c>
      <c r="P70" s="2" t="s">
        <v>118</v>
      </c>
      <c r="Q70" s="2" t="s">
        <v>34</v>
      </c>
      <c r="R70" s="2" t="s">
        <v>35</v>
      </c>
      <c r="S70" s="2" t="s">
        <v>1103</v>
      </c>
      <c r="T70" s="2" t="s">
        <v>34</v>
      </c>
      <c r="U70" s="2" t="s">
        <v>34</v>
      </c>
      <c r="V70" s="2" t="s">
        <v>34</v>
      </c>
    </row>
    <row r="71" spans="1:22" x14ac:dyDescent="0.25">
      <c r="A71" s="2" t="s">
        <v>843</v>
      </c>
      <c r="B71" s="3" t="s">
        <v>268</v>
      </c>
      <c r="C71" s="2" t="s">
        <v>269</v>
      </c>
      <c r="D71" s="4" t="s">
        <v>956</v>
      </c>
      <c r="E71" s="2" t="s">
        <v>865</v>
      </c>
      <c r="F71" s="2" t="s">
        <v>1104</v>
      </c>
      <c r="G71" s="2" t="s">
        <v>279</v>
      </c>
      <c r="H71" s="2" t="s">
        <v>45</v>
      </c>
      <c r="I71" s="2" t="s">
        <v>34</v>
      </c>
      <c r="J71" s="2" t="s">
        <v>1105</v>
      </c>
      <c r="K71" s="2" t="s">
        <v>29</v>
      </c>
      <c r="L71" s="2" t="s">
        <v>30</v>
      </c>
      <c r="M71" s="2" t="s">
        <v>31</v>
      </c>
      <c r="N71" s="2" t="s">
        <v>183</v>
      </c>
      <c r="O71" s="2" t="s">
        <v>249</v>
      </c>
      <c r="P71" s="2" t="s">
        <v>118</v>
      </c>
      <c r="Q71" s="2" t="s">
        <v>34</v>
      </c>
      <c r="R71" s="2" t="s">
        <v>35</v>
      </c>
      <c r="S71" s="2" t="s">
        <v>1106</v>
      </c>
      <c r="T71" s="2" t="s">
        <v>34</v>
      </c>
      <c r="U71" s="2" t="s">
        <v>34</v>
      </c>
      <c r="V71" s="2" t="s">
        <v>34</v>
      </c>
    </row>
    <row r="72" spans="1:22" x14ac:dyDescent="0.25">
      <c r="A72" s="2" t="s">
        <v>843</v>
      </c>
      <c r="B72" s="3" t="s">
        <v>268</v>
      </c>
      <c r="C72" s="2" t="s">
        <v>269</v>
      </c>
      <c r="D72" s="4" t="s">
        <v>960</v>
      </c>
      <c r="E72" s="2" t="s">
        <v>865</v>
      </c>
      <c r="F72" s="2" t="s">
        <v>1107</v>
      </c>
      <c r="G72" s="2" t="s">
        <v>157</v>
      </c>
      <c r="H72" s="2" t="s">
        <v>45</v>
      </c>
      <c r="I72" s="2" t="s">
        <v>34</v>
      </c>
      <c r="J72" s="2" t="s">
        <v>1108</v>
      </c>
      <c r="K72" s="2" t="s">
        <v>29</v>
      </c>
      <c r="L72" s="2" t="s">
        <v>30</v>
      </c>
      <c r="M72" s="2" t="s">
        <v>31</v>
      </c>
      <c r="N72" s="2" t="s">
        <v>183</v>
      </c>
      <c r="O72" s="2" t="s">
        <v>249</v>
      </c>
      <c r="P72" s="2" t="s">
        <v>118</v>
      </c>
      <c r="Q72" s="2" t="s">
        <v>34</v>
      </c>
      <c r="R72" s="2" t="s">
        <v>35</v>
      </c>
      <c r="S72" s="2" t="s">
        <v>1109</v>
      </c>
      <c r="T72" s="2" t="s">
        <v>34</v>
      </c>
      <c r="U72" s="2" t="s">
        <v>34</v>
      </c>
      <c r="V72" s="2" t="s">
        <v>34</v>
      </c>
    </row>
    <row r="73" spans="1:22" x14ac:dyDescent="0.25">
      <c r="A73" s="2" t="s">
        <v>843</v>
      </c>
      <c r="B73" s="3" t="s">
        <v>268</v>
      </c>
      <c r="C73" s="2" t="s">
        <v>269</v>
      </c>
      <c r="D73" s="4" t="s">
        <v>214</v>
      </c>
      <c r="E73" s="2" t="s">
        <v>853</v>
      </c>
      <c r="F73" s="2" t="s">
        <v>944</v>
      </c>
      <c r="G73" s="2" t="s">
        <v>80</v>
      </c>
      <c r="H73" s="2" t="s">
        <v>27</v>
      </c>
      <c r="I73" s="2" t="s">
        <v>861</v>
      </c>
      <c r="J73" s="2" t="s">
        <v>945</v>
      </c>
      <c r="K73" s="2" t="s">
        <v>29</v>
      </c>
      <c r="L73" s="2" t="s">
        <v>30</v>
      </c>
      <c r="M73" s="2" t="s">
        <v>116</v>
      </c>
      <c r="N73" s="2" t="s">
        <v>525</v>
      </c>
      <c r="O73" s="2" t="s">
        <v>189</v>
      </c>
      <c r="P73" s="2" t="s">
        <v>34</v>
      </c>
      <c r="Q73" s="2" t="s">
        <v>34</v>
      </c>
      <c r="R73" s="2" t="s">
        <v>35</v>
      </c>
      <c r="S73" s="2" t="s">
        <v>946</v>
      </c>
      <c r="T73" s="2" t="s">
        <v>34</v>
      </c>
      <c r="U73" s="2" t="s">
        <v>34</v>
      </c>
      <c r="V73" s="2" t="s">
        <v>34</v>
      </c>
    </row>
    <row r="74" spans="1:22" x14ac:dyDescent="0.25">
      <c r="A74" s="2" t="s">
        <v>843</v>
      </c>
      <c r="B74" s="3" t="s">
        <v>268</v>
      </c>
      <c r="C74" s="2" t="s">
        <v>269</v>
      </c>
      <c r="D74" s="4" t="s">
        <v>967</v>
      </c>
      <c r="E74" s="2" t="s">
        <v>853</v>
      </c>
      <c r="F74" s="2" t="s">
        <v>948</v>
      </c>
      <c r="G74" s="2" t="s">
        <v>480</v>
      </c>
      <c r="H74" s="2" t="s">
        <v>27</v>
      </c>
      <c r="I74" s="2" t="s">
        <v>861</v>
      </c>
      <c r="J74" s="2" t="s">
        <v>949</v>
      </c>
      <c r="K74" s="2" t="s">
        <v>29</v>
      </c>
      <c r="L74" s="2" t="s">
        <v>30</v>
      </c>
      <c r="M74" s="2" t="s">
        <v>116</v>
      </c>
      <c r="N74" s="2" t="s">
        <v>525</v>
      </c>
      <c r="O74" s="2" t="s">
        <v>189</v>
      </c>
      <c r="P74" s="2" t="s">
        <v>118</v>
      </c>
      <c r="Q74" s="2" t="s">
        <v>34</v>
      </c>
      <c r="R74" s="2" t="s">
        <v>35</v>
      </c>
      <c r="S74" s="2" t="s">
        <v>950</v>
      </c>
      <c r="T74" s="2" t="s">
        <v>34</v>
      </c>
      <c r="U74" s="2" t="s">
        <v>34</v>
      </c>
      <c r="V74" s="2" t="s">
        <v>34</v>
      </c>
    </row>
    <row r="75" spans="1:22" x14ac:dyDescent="0.25">
      <c r="A75" s="2" t="s">
        <v>843</v>
      </c>
      <c r="B75" s="3" t="s">
        <v>268</v>
      </c>
      <c r="C75" s="2" t="s">
        <v>269</v>
      </c>
      <c r="D75" s="4" t="s">
        <v>971</v>
      </c>
      <c r="E75" s="2" t="s">
        <v>853</v>
      </c>
      <c r="F75" s="2" t="s">
        <v>1110</v>
      </c>
      <c r="G75" s="2" t="s">
        <v>679</v>
      </c>
      <c r="H75" s="2" t="s">
        <v>27</v>
      </c>
      <c r="I75" s="2" t="s">
        <v>861</v>
      </c>
      <c r="J75" s="2" t="s">
        <v>1111</v>
      </c>
      <c r="K75" s="2" t="s">
        <v>29</v>
      </c>
      <c r="L75" s="2" t="s">
        <v>30</v>
      </c>
      <c r="M75" s="2" t="s">
        <v>116</v>
      </c>
      <c r="N75" s="2" t="s">
        <v>525</v>
      </c>
      <c r="O75" s="2" t="s">
        <v>33</v>
      </c>
      <c r="P75" s="2" t="s">
        <v>118</v>
      </c>
      <c r="Q75" s="2" t="s">
        <v>34</v>
      </c>
      <c r="R75" s="2" t="s">
        <v>35</v>
      </c>
      <c r="S75" s="2" t="s">
        <v>1112</v>
      </c>
      <c r="T75" s="2" t="s">
        <v>34</v>
      </c>
      <c r="U75" s="2" t="s">
        <v>34</v>
      </c>
      <c r="V75" s="2" t="s">
        <v>34</v>
      </c>
    </row>
    <row r="76" spans="1:22" x14ac:dyDescent="0.25">
      <c r="A76" s="2" t="s">
        <v>843</v>
      </c>
      <c r="B76" s="3" t="s">
        <v>268</v>
      </c>
      <c r="C76" s="2" t="s">
        <v>269</v>
      </c>
      <c r="D76" s="4" t="s">
        <v>975</v>
      </c>
      <c r="E76" s="2" t="s">
        <v>853</v>
      </c>
      <c r="F76" s="2" t="s">
        <v>1113</v>
      </c>
      <c r="G76" s="2" t="s">
        <v>683</v>
      </c>
      <c r="H76" s="2" t="s">
        <v>27</v>
      </c>
      <c r="I76" s="2" t="s">
        <v>861</v>
      </c>
      <c r="J76" s="2" t="s">
        <v>1114</v>
      </c>
      <c r="K76" s="2" t="s">
        <v>29</v>
      </c>
      <c r="L76" s="2" t="s">
        <v>30</v>
      </c>
      <c r="M76" s="2" t="s">
        <v>116</v>
      </c>
      <c r="N76" s="2" t="s">
        <v>525</v>
      </c>
      <c r="O76" s="2" t="s">
        <v>249</v>
      </c>
      <c r="P76" s="2" t="s">
        <v>118</v>
      </c>
      <c r="Q76" s="2" t="s">
        <v>34</v>
      </c>
      <c r="R76" s="2" t="s">
        <v>35</v>
      </c>
      <c r="S76" s="2" t="s">
        <v>1115</v>
      </c>
      <c r="T76" s="2" t="s">
        <v>34</v>
      </c>
      <c r="U76" s="2" t="s">
        <v>34</v>
      </c>
      <c r="V76" s="2" t="s">
        <v>34</v>
      </c>
    </row>
    <row r="77" spans="1:22" x14ac:dyDescent="0.25">
      <c r="A77" s="2" t="s">
        <v>843</v>
      </c>
      <c r="B77" s="3" t="s">
        <v>268</v>
      </c>
      <c r="C77" s="2" t="s">
        <v>269</v>
      </c>
      <c r="D77" s="4" t="s">
        <v>238</v>
      </c>
      <c r="E77" s="2" t="s">
        <v>1116</v>
      </c>
      <c r="F77" s="2" t="s">
        <v>1117</v>
      </c>
      <c r="G77" s="2" t="s">
        <v>324</v>
      </c>
      <c r="H77" s="2" t="s">
        <v>101</v>
      </c>
      <c r="I77" s="2" t="s">
        <v>34</v>
      </c>
      <c r="J77" s="2" t="s">
        <v>1118</v>
      </c>
      <c r="K77" s="2" t="s">
        <v>29</v>
      </c>
      <c r="L77" s="2" t="s">
        <v>30</v>
      </c>
      <c r="M77" s="2" t="s">
        <v>31</v>
      </c>
      <c r="N77" s="2" t="s">
        <v>183</v>
      </c>
      <c r="O77" s="2" t="s">
        <v>905</v>
      </c>
      <c r="P77" s="2" t="s">
        <v>118</v>
      </c>
      <c r="Q77" s="2" t="s">
        <v>34</v>
      </c>
      <c r="R77" s="2" t="s">
        <v>35</v>
      </c>
      <c r="S77" s="2" t="s">
        <v>1119</v>
      </c>
      <c r="T77" s="2" t="s">
        <v>34</v>
      </c>
      <c r="U77" s="2" t="s">
        <v>34</v>
      </c>
      <c r="V77" s="2" t="s">
        <v>34</v>
      </c>
    </row>
    <row r="78" spans="1:22" x14ac:dyDescent="0.25">
      <c r="A78" s="2" t="s">
        <v>843</v>
      </c>
      <c r="B78" s="3" t="s">
        <v>268</v>
      </c>
      <c r="C78" s="2" t="s">
        <v>269</v>
      </c>
      <c r="D78" s="4" t="s">
        <v>1120</v>
      </c>
      <c r="E78" s="2" t="s">
        <v>1116</v>
      </c>
      <c r="F78" s="2" t="s">
        <v>1121</v>
      </c>
      <c r="G78" s="2" t="s">
        <v>449</v>
      </c>
      <c r="H78" s="2" t="s">
        <v>101</v>
      </c>
      <c r="I78" s="2" t="s">
        <v>34</v>
      </c>
      <c r="J78" s="2" t="s">
        <v>1118</v>
      </c>
      <c r="K78" s="2" t="s">
        <v>29</v>
      </c>
      <c r="L78" s="2" t="s">
        <v>30</v>
      </c>
      <c r="M78" s="2" t="s">
        <v>31</v>
      </c>
      <c r="N78" s="2" t="s">
        <v>183</v>
      </c>
      <c r="O78" s="2" t="s">
        <v>905</v>
      </c>
      <c r="P78" s="2" t="s">
        <v>118</v>
      </c>
      <c r="Q78" s="2" t="s">
        <v>34</v>
      </c>
      <c r="R78" s="2" t="s">
        <v>35</v>
      </c>
      <c r="S78" s="2" t="s">
        <v>1122</v>
      </c>
      <c r="T78" s="2" t="s">
        <v>34</v>
      </c>
      <c r="U78" s="2" t="s">
        <v>34</v>
      </c>
      <c r="V78" s="2" t="s">
        <v>34</v>
      </c>
    </row>
    <row r="79" spans="1:22" x14ac:dyDescent="0.25">
      <c r="A79" s="2" t="s">
        <v>843</v>
      </c>
      <c r="B79" s="3" t="s">
        <v>268</v>
      </c>
      <c r="C79" s="2" t="s">
        <v>269</v>
      </c>
      <c r="D79" s="4" t="s">
        <v>1123</v>
      </c>
      <c r="E79" s="2" t="s">
        <v>1116</v>
      </c>
      <c r="F79" s="2" t="s">
        <v>1124</v>
      </c>
      <c r="G79" s="2" t="s">
        <v>453</v>
      </c>
      <c r="H79" s="2" t="s">
        <v>101</v>
      </c>
      <c r="I79" s="2" t="s">
        <v>34</v>
      </c>
      <c r="J79" s="2" t="s">
        <v>1118</v>
      </c>
      <c r="K79" s="2" t="s">
        <v>29</v>
      </c>
      <c r="L79" s="2" t="s">
        <v>30</v>
      </c>
      <c r="M79" s="2" t="s">
        <v>31</v>
      </c>
      <c r="N79" s="2" t="s">
        <v>183</v>
      </c>
      <c r="O79" s="2" t="s">
        <v>905</v>
      </c>
      <c r="P79" s="2" t="s">
        <v>118</v>
      </c>
      <c r="Q79" s="2" t="s">
        <v>34</v>
      </c>
      <c r="R79" s="2" t="s">
        <v>35</v>
      </c>
      <c r="S79" s="2" t="s">
        <v>1125</v>
      </c>
      <c r="T79" s="2" t="s">
        <v>34</v>
      </c>
      <c r="U79" s="2" t="s">
        <v>34</v>
      </c>
      <c r="V79" s="2" t="s">
        <v>34</v>
      </c>
    </row>
    <row r="80" spans="1:22" x14ac:dyDescent="0.25">
      <c r="A80" s="2" t="s">
        <v>843</v>
      </c>
      <c r="B80" s="3" t="s">
        <v>268</v>
      </c>
      <c r="C80" s="2" t="s">
        <v>269</v>
      </c>
      <c r="D80" s="4" t="s">
        <v>244</v>
      </c>
      <c r="E80" s="2" t="s">
        <v>1116</v>
      </c>
      <c r="F80" s="2" t="s">
        <v>1126</v>
      </c>
      <c r="G80" s="2" t="s">
        <v>458</v>
      </c>
      <c r="H80" s="2" t="s">
        <v>101</v>
      </c>
      <c r="I80" s="2" t="s">
        <v>34</v>
      </c>
      <c r="J80" s="2" t="s">
        <v>1118</v>
      </c>
      <c r="K80" s="2" t="s">
        <v>29</v>
      </c>
      <c r="L80" s="2" t="s">
        <v>30</v>
      </c>
      <c r="M80" s="2" t="s">
        <v>31</v>
      </c>
      <c r="N80" s="2" t="s">
        <v>183</v>
      </c>
      <c r="O80" s="2" t="s">
        <v>905</v>
      </c>
      <c r="P80" s="2" t="s">
        <v>118</v>
      </c>
      <c r="Q80" s="2" t="s">
        <v>34</v>
      </c>
      <c r="R80" s="2" t="s">
        <v>35</v>
      </c>
      <c r="S80" s="2" t="s">
        <v>1127</v>
      </c>
      <c r="T80" s="2" t="s">
        <v>34</v>
      </c>
      <c r="U80" s="2" t="s">
        <v>34</v>
      </c>
      <c r="V80" s="2" t="s">
        <v>34</v>
      </c>
    </row>
    <row r="81" spans="1:22" x14ac:dyDescent="0.25">
      <c r="A81" s="2" t="s">
        <v>843</v>
      </c>
      <c r="B81" s="3" t="s">
        <v>268</v>
      </c>
      <c r="C81" s="2" t="s">
        <v>269</v>
      </c>
      <c r="D81" s="4" t="s">
        <v>251</v>
      </c>
      <c r="E81" s="2" t="s">
        <v>1128</v>
      </c>
      <c r="F81" s="2" t="s">
        <v>1129</v>
      </c>
      <c r="G81" s="2" t="s">
        <v>147</v>
      </c>
      <c r="H81" s="2" t="s">
        <v>45</v>
      </c>
      <c r="I81" s="2" t="s">
        <v>34</v>
      </c>
      <c r="J81" s="2" t="s">
        <v>1130</v>
      </c>
      <c r="K81" s="2" t="s">
        <v>29</v>
      </c>
      <c r="L81" s="2" t="s">
        <v>34</v>
      </c>
      <c r="M81" s="2" t="s">
        <v>1131</v>
      </c>
      <c r="N81" s="2" t="s">
        <v>183</v>
      </c>
      <c r="O81" s="2" t="s">
        <v>189</v>
      </c>
      <c r="P81" s="2" t="s">
        <v>118</v>
      </c>
      <c r="Q81" s="2" t="s">
        <v>34</v>
      </c>
      <c r="R81" s="2" t="s">
        <v>35</v>
      </c>
      <c r="S81" s="2" t="s">
        <v>1132</v>
      </c>
      <c r="T81" s="2" t="s">
        <v>34</v>
      </c>
      <c r="U81" s="2" t="s">
        <v>34</v>
      </c>
      <c r="V81" s="2" t="s">
        <v>34</v>
      </c>
    </row>
    <row r="82" spans="1:22" x14ac:dyDescent="0.25">
      <c r="A82" s="2" t="s">
        <v>843</v>
      </c>
      <c r="B82" s="3" t="s">
        <v>268</v>
      </c>
      <c r="C82" s="2" t="s">
        <v>269</v>
      </c>
      <c r="D82" s="4" t="s">
        <v>989</v>
      </c>
      <c r="E82" s="2" t="s">
        <v>1128</v>
      </c>
      <c r="F82" s="2" t="s">
        <v>1133</v>
      </c>
      <c r="G82" s="2" t="s">
        <v>279</v>
      </c>
      <c r="H82" s="2" t="s">
        <v>45</v>
      </c>
      <c r="I82" s="2" t="s">
        <v>34</v>
      </c>
      <c r="J82" s="2" t="s">
        <v>1134</v>
      </c>
      <c r="K82" s="2" t="s">
        <v>29</v>
      </c>
      <c r="L82" s="2" t="s">
        <v>30</v>
      </c>
      <c r="M82" s="2" t="s">
        <v>1131</v>
      </c>
      <c r="N82" s="2" t="s">
        <v>183</v>
      </c>
      <c r="O82" s="2" t="s">
        <v>189</v>
      </c>
      <c r="P82" s="2" t="s">
        <v>118</v>
      </c>
      <c r="Q82" s="2" t="s">
        <v>34</v>
      </c>
      <c r="R82" s="2" t="s">
        <v>35</v>
      </c>
      <c r="S82" s="2" t="s">
        <v>1135</v>
      </c>
      <c r="T82" s="2" t="s">
        <v>34</v>
      </c>
      <c r="U82" s="2" t="s">
        <v>34</v>
      </c>
      <c r="V82" s="2" t="s">
        <v>34</v>
      </c>
    </row>
    <row r="83" spans="1:22" x14ac:dyDescent="0.25">
      <c r="A83" s="2" t="s">
        <v>843</v>
      </c>
      <c r="B83" s="3" t="s">
        <v>268</v>
      </c>
      <c r="C83" s="2" t="s">
        <v>269</v>
      </c>
      <c r="D83" s="4" t="s">
        <v>259</v>
      </c>
      <c r="E83" s="2" t="s">
        <v>914</v>
      </c>
      <c r="F83" s="2" t="s">
        <v>1136</v>
      </c>
      <c r="G83" s="2" t="s">
        <v>591</v>
      </c>
      <c r="H83" s="2" t="s">
        <v>27</v>
      </c>
      <c r="I83" s="2" t="s">
        <v>1137</v>
      </c>
      <c r="J83" s="2" t="s">
        <v>1138</v>
      </c>
      <c r="K83" s="2" t="s">
        <v>29</v>
      </c>
      <c r="L83" s="2" t="s">
        <v>30</v>
      </c>
      <c r="M83" s="2" t="s">
        <v>31</v>
      </c>
      <c r="N83" s="2" t="s">
        <v>183</v>
      </c>
      <c r="O83" s="2" t="s">
        <v>189</v>
      </c>
      <c r="P83" s="2" t="s">
        <v>118</v>
      </c>
      <c r="Q83" s="2" t="s">
        <v>34</v>
      </c>
      <c r="R83" s="2" t="s">
        <v>35</v>
      </c>
      <c r="S83" s="2" t="s">
        <v>1139</v>
      </c>
      <c r="T83" s="2" t="s">
        <v>34</v>
      </c>
      <c r="U83" s="2" t="s">
        <v>34</v>
      </c>
      <c r="V83" s="2" t="s">
        <v>34</v>
      </c>
    </row>
    <row r="84" spans="1:22" x14ac:dyDescent="0.25">
      <c r="A84" s="2" t="s">
        <v>843</v>
      </c>
      <c r="B84" s="3" t="s">
        <v>268</v>
      </c>
      <c r="C84" s="2" t="s">
        <v>269</v>
      </c>
      <c r="D84" s="4" t="s">
        <v>997</v>
      </c>
      <c r="E84" s="2" t="s">
        <v>914</v>
      </c>
      <c r="F84" s="2" t="s">
        <v>1140</v>
      </c>
      <c r="G84" s="2" t="s">
        <v>595</v>
      </c>
      <c r="H84" s="2" t="s">
        <v>27</v>
      </c>
      <c r="I84" s="2" t="s">
        <v>1141</v>
      </c>
      <c r="J84" s="2" t="s">
        <v>1142</v>
      </c>
      <c r="K84" s="2" t="s">
        <v>29</v>
      </c>
      <c r="L84" s="2" t="s">
        <v>30</v>
      </c>
      <c r="M84" s="2" t="s">
        <v>31</v>
      </c>
      <c r="N84" s="2" t="s">
        <v>183</v>
      </c>
      <c r="O84" s="2" t="s">
        <v>189</v>
      </c>
      <c r="P84" s="2" t="s">
        <v>118</v>
      </c>
      <c r="Q84" s="2" t="s">
        <v>34</v>
      </c>
      <c r="R84" s="2" t="s">
        <v>35</v>
      </c>
      <c r="S84" s="2" t="s">
        <v>1143</v>
      </c>
      <c r="T84" s="2" t="s">
        <v>34</v>
      </c>
      <c r="U84" s="2" t="s">
        <v>34</v>
      </c>
      <c r="V84" s="2" t="s">
        <v>34</v>
      </c>
    </row>
    <row r="85" spans="1:22" x14ac:dyDescent="0.25">
      <c r="A85" s="2"/>
      <c r="B85" s="3"/>
      <c r="C85" s="2"/>
      <c r="D85" s="4"/>
      <c r="E85" s="5" t="s">
        <v>1000</v>
      </c>
      <c r="F85" s="2"/>
      <c r="G85" s="2"/>
      <c r="H85" s="2"/>
      <c r="I85" s="2"/>
      <c r="J85" s="2"/>
      <c r="K85" s="2"/>
      <c r="L85" s="2"/>
      <c r="M85" s="2"/>
      <c r="N85" s="2"/>
      <c r="O85" s="2"/>
      <c r="P85" s="2"/>
      <c r="Q85" s="2"/>
      <c r="R85" s="2"/>
      <c r="S85" s="2"/>
      <c r="T85" s="2"/>
      <c r="U85" s="2"/>
      <c r="V85" s="2"/>
    </row>
    <row r="86" spans="1:22" x14ac:dyDescent="0.25">
      <c r="A86" s="2"/>
      <c r="B86" s="3"/>
      <c r="C86" s="2"/>
      <c r="D86" s="4"/>
      <c r="E86" s="2"/>
      <c r="F86" s="2"/>
      <c r="G86" s="2"/>
      <c r="H86" s="2"/>
      <c r="I86" s="2"/>
      <c r="J86" s="2"/>
      <c r="K86" s="2"/>
      <c r="L86" s="2"/>
      <c r="M86" s="2"/>
      <c r="N86" s="2"/>
      <c r="O86" s="2"/>
      <c r="P86" s="2"/>
      <c r="Q86" s="2"/>
      <c r="R86" s="2"/>
      <c r="S86" s="2"/>
      <c r="T86" s="2"/>
      <c r="U86" s="2"/>
      <c r="V86" s="2"/>
    </row>
    <row r="87" spans="1:22" x14ac:dyDescent="0.25">
      <c r="A87" s="2" t="s">
        <v>843</v>
      </c>
      <c r="B87" s="3" t="s">
        <v>370</v>
      </c>
      <c r="C87" s="2" t="s">
        <v>371</v>
      </c>
      <c r="D87" s="4" t="s">
        <v>24</v>
      </c>
      <c r="E87" s="2" t="s">
        <v>935</v>
      </c>
      <c r="F87" s="2" t="s">
        <v>1144</v>
      </c>
      <c r="G87" s="2" t="s">
        <v>45</v>
      </c>
      <c r="H87" s="2" t="s">
        <v>45</v>
      </c>
      <c r="I87" s="2" t="s">
        <v>1145</v>
      </c>
      <c r="J87" s="2" t="s">
        <v>1146</v>
      </c>
      <c r="K87" s="2" t="s">
        <v>29</v>
      </c>
      <c r="L87" s="2" t="s">
        <v>30</v>
      </c>
      <c r="M87" s="2" t="s">
        <v>31</v>
      </c>
      <c r="N87" s="2" t="s">
        <v>525</v>
      </c>
      <c r="O87" s="2" t="s">
        <v>33</v>
      </c>
      <c r="P87" s="2" t="s">
        <v>34</v>
      </c>
      <c r="Q87" s="2" t="s">
        <v>34</v>
      </c>
      <c r="R87" s="2" t="s">
        <v>35</v>
      </c>
      <c r="S87" s="2" t="s">
        <v>1147</v>
      </c>
      <c r="T87" s="2" t="s">
        <v>34</v>
      </c>
      <c r="U87" s="2" t="s">
        <v>34</v>
      </c>
      <c r="V87" s="2" t="s">
        <v>34</v>
      </c>
    </row>
    <row r="88" spans="1:22" x14ac:dyDescent="0.25">
      <c r="A88" s="2" t="s">
        <v>843</v>
      </c>
      <c r="B88" s="3" t="s">
        <v>370</v>
      </c>
      <c r="C88" s="2" t="s">
        <v>371</v>
      </c>
      <c r="D88" s="4" t="s">
        <v>849</v>
      </c>
      <c r="E88" s="2" t="s">
        <v>935</v>
      </c>
      <c r="F88" s="2" t="s">
        <v>1148</v>
      </c>
      <c r="G88" s="2" t="s">
        <v>27</v>
      </c>
      <c r="H88" s="2" t="s">
        <v>45</v>
      </c>
      <c r="I88" s="2" t="s">
        <v>1149</v>
      </c>
      <c r="J88" s="2" t="s">
        <v>1150</v>
      </c>
      <c r="K88" s="2" t="s">
        <v>29</v>
      </c>
      <c r="L88" s="2" t="s">
        <v>30</v>
      </c>
      <c r="M88" s="2" t="s">
        <v>31</v>
      </c>
      <c r="N88" s="2" t="s">
        <v>525</v>
      </c>
      <c r="O88" s="2" t="s">
        <v>189</v>
      </c>
      <c r="P88" s="2" t="s">
        <v>34</v>
      </c>
      <c r="Q88" s="2" t="s">
        <v>34</v>
      </c>
      <c r="R88" s="2" t="s">
        <v>35</v>
      </c>
      <c r="S88" s="2" t="s">
        <v>1151</v>
      </c>
      <c r="T88" s="2" t="s">
        <v>34</v>
      </c>
      <c r="U88" s="2" t="s">
        <v>34</v>
      </c>
      <c r="V88" s="2" t="s">
        <v>34</v>
      </c>
    </row>
    <row r="89" spans="1:22" x14ac:dyDescent="0.25">
      <c r="A89" s="2" t="s">
        <v>843</v>
      </c>
      <c r="B89" s="3" t="s">
        <v>370</v>
      </c>
      <c r="C89" s="2" t="s">
        <v>371</v>
      </c>
      <c r="D89" s="4" t="s">
        <v>1152</v>
      </c>
      <c r="E89" s="2" t="s">
        <v>853</v>
      </c>
      <c r="F89" s="2" t="s">
        <v>1153</v>
      </c>
      <c r="G89" s="2" t="s">
        <v>193</v>
      </c>
      <c r="H89" s="2" t="s">
        <v>86</v>
      </c>
      <c r="I89" s="2" t="s">
        <v>861</v>
      </c>
      <c r="J89" s="2" t="s">
        <v>1154</v>
      </c>
      <c r="K89" s="2" t="s">
        <v>29</v>
      </c>
      <c r="L89" s="2" t="s">
        <v>30</v>
      </c>
      <c r="M89" s="2" t="s">
        <v>116</v>
      </c>
      <c r="N89" s="2" t="s">
        <v>183</v>
      </c>
      <c r="O89" s="2" t="s">
        <v>189</v>
      </c>
      <c r="P89" s="2" t="s">
        <v>118</v>
      </c>
      <c r="Q89" s="2" t="s">
        <v>34</v>
      </c>
      <c r="R89" s="2" t="s">
        <v>35</v>
      </c>
      <c r="S89" s="2" t="s">
        <v>1155</v>
      </c>
      <c r="T89" s="2" t="s">
        <v>34</v>
      </c>
      <c r="U89" s="2" t="s">
        <v>34</v>
      </c>
      <c r="V89" s="2" t="s">
        <v>34</v>
      </c>
    </row>
    <row r="90" spans="1:22" x14ac:dyDescent="0.25">
      <c r="A90" s="2" t="s">
        <v>843</v>
      </c>
      <c r="B90" s="3" t="s">
        <v>370</v>
      </c>
      <c r="C90" s="2" t="s">
        <v>371</v>
      </c>
      <c r="D90" s="4" t="s">
        <v>52</v>
      </c>
      <c r="E90" s="2" t="s">
        <v>853</v>
      </c>
      <c r="F90" s="2" t="s">
        <v>1156</v>
      </c>
      <c r="G90" s="2" t="s">
        <v>331</v>
      </c>
      <c r="H90" s="2" t="s">
        <v>86</v>
      </c>
      <c r="I90" s="2" t="s">
        <v>861</v>
      </c>
      <c r="J90" s="2" t="s">
        <v>1157</v>
      </c>
      <c r="K90" s="2" t="s">
        <v>29</v>
      </c>
      <c r="L90" s="2" t="s">
        <v>30</v>
      </c>
      <c r="M90" s="2" t="s">
        <v>116</v>
      </c>
      <c r="N90" s="2" t="s">
        <v>183</v>
      </c>
      <c r="O90" s="2" t="s">
        <v>189</v>
      </c>
      <c r="P90" s="2" t="s">
        <v>118</v>
      </c>
      <c r="Q90" s="2" t="s">
        <v>34</v>
      </c>
      <c r="R90" s="2" t="s">
        <v>35</v>
      </c>
      <c r="S90" s="2" t="s">
        <v>1158</v>
      </c>
      <c r="T90" s="2" t="s">
        <v>34</v>
      </c>
      <c r="U90" s="2" t="s">
        <v>34</v>
      </c>
      <c r="V90" s="2" t="s">
        <v>34</v>
      </c>
    </row>
    <row r="91" spans="1:22" x14ac:dyDescent="0.25">
      <c r="A91" s="2" t="s">
        <v>843</v>
      </c>
      <c r="B91" s="3" t="s">
        <v>370</v>
      </c>
      <c r="C91" s="2" t="s">
        <v>371</v>
      </c>
      <c r="D91" s="4" t="s">
        <v>1159</v>
      </c>
      <c r="E91" s="2" t="s">
        <v>853</v>
      </c>
      <c r="F91" s="2" t="s">
        <v>1160</v>
      </c>
      <c r="G91" s="2" t="s">
        <v>483</v>
      </c>
      <c r="H91" s="2" t="s">
        <v>86</v>
      </c>
      <c r="I91" s="2" t="s">
        <v>861</v>
      </c>
      <c r="J91" s="2" t="s">
        <v>1161</v>
      </c>
      <c r="K91" s="2" t="s">
        <v>29</v>
      </c>
      <c r="L91" s="2" t="s">
        <v>30</v>
      </c>
      <c r="M91" s="2" t="s">
        <v>116</v>
      </c>
      <c r="N91" s="2" t="s">
        <v>183</v>
      </c>
      <c r="O91" s="2" t="s">
        <v>189</v>
      </c>
      <c r="P91" s="2" t="s">
        <v>118</v>
      </c>
      <c r="Q91" s="2" t="s">
        <v>34</v>
      </c>
      <c r="R91" s="2" t="s">
        <v>35</v>
      </c>
      <c r="S91" s="2" t="s">
        <v>1162</v>
      </c>
      <c r="T91" s="2" t="s">
        <v>34</v>
      </c>
      <c r="U91" s="2" t="s">
        <v>34</v>
      </c>
      <c r="V91" s="2" t="s">
        <v>34</v>
      </c>
    </row>
    <row r="92" spans="1:22" x14ac:dyDescent="0.25">
      <c r="A92" s="2" t="s">
        <v>843</v>
      </c>
      <c r="B92" s="3" t="s">
        <v>370</v>
      </c>
      <c r="C92" s="2" t="s">
        <v>371</v>
      </c>
      <c r="D92" s="4" t="s">
        <v>78</v>
      </c>
      <c r="E92" s="2" t="s">
        <v>897</v>
      </c>
      <c r="F92" s="2" t="s">
        <v>1163</v>
      </c>
      <c r="G92" s="2" t="s">
        <v>45</v>
      </c>
      <c r="H92" s="2" t="s">
        <v>45</v>
      </c>
      <c r="I92" s="2" t="s">
        <v>899</v>
      </c>
      <c r="J92" s="2" t="s">
        <v>1164</v>
      </c>
      <c r="K92" s="2" t="s">
        <v>29</v>
      </c>
      <c r="L92" s="2" t="s">
        <v>30</v>
      </c>
      <c r="M92" s="2" t="s">
        <v>31</v>
      </c>
      <c r="N92" s="2" t="s">
        <v>183</v>
      </c>
      <c r="O92" s="2" t="s">
        <v>189</v>
      </c>
      <c r="P92" s="2" t="s">
        <v>34</v>
      </c>
      <c r="Q92" s="2" t="s">
        <v>34</v>
      </c>
      <c r="R92" s="2" t="s">
        <v>35</v>
      </c>
      <c r="S92" s="2" t="s">
        <v>1165</v>
      </c>
      <c r="T92" s="2" t="s">
        <v>34</v>
      </c>
      <c r="U92" s="2" t="s">
        <v>34</v>
      </c>
      <c r="V92" s="2" t="s">
        <v>34</v>
      </c>
    </row>
    <row r="93" spans="1:22" x14ac:dyDescent="0.25">
      <c r="A93" s="2" t="s">
        <v>843</v>
      </c>
      <c r="B93" s="3" t="s">
        <v>370</v>
      </c>
      <c r="C93" s="2" t="s">
        <v>371</v>
      </c>
      <c r="D93" s="4" t="s">
        <v>1166</v>
      </c>
      <c r="E93" s="2" t="s">
        <v>897</v>
      </c>
      <c r="F93" s="2" t="s">
        <v>1167</v>
      </c>
      <c r="G93" s="2" t="s">
        <v>27</v>
      </c>
      <c r="H93" s="2" t="s">
        <v>45</v>
      </c>
      <c r="I93" s="2" t="s">
        <v>899</v>
      </c>
      <c r="J93" s="2" t="s">
        <v>1168</v>
      </c>
      <c r="K93" s="2" t="s">
        <v>29</v>
      </c>
      <c r="L93" s="2" t="s">
        <v>30</v>
      </c>
      <c r="M93" s="2" t="s">
        <v>31</v>
      </c>
      <c r="N93" s="2" t="s">
        <v>183</v>
      </c>
      <c r="O93" s="2" t="s">
        <v>189</v>
      </c>
      <c r="P93" s="2" t="s">
        <v>34</v>
      </c>
      <c r="Q93" s="2" t="s">
        <v>34</v>
      </c>
      <c r="R93" s="2" t="s">
        <v>35</v>
      </c>
      <c r="S93" s="2" t="s">
        <v>1169</v>
      </c>
      <c r="T93" s="2" t="s">
        <v>34</v>
      </c>
      <c r="U93" s="2" t="s">
        <v>34</v>
      </c>
      <c r="V93" s="2" t="s">
        <v>34</v>
      </c>
    </row>
    <row r="94" spans="1:22" x14ac:dyDescent="0.25">
      <c r="A94" s="2" t="s">
        <v>843</v>
      </c>
      <c r="B94" s="3" t="s">
        <v>370</v>
      </c>
      <c r="C94" s="2" t="s">
        <v>371</v>
      </c>
      <c r="D94" s="4" t="s">
        <v>1170</v>
      </c>
      <c r="E94" s="2" t="s">
        <v>1171</v>
      </c>
      <c r="F94" s="2" t="s">
        <v>1172</v>
      </c>
      <c r="G94" s="2" t="s">
        <v>147</v>
      </c>
      <c r="H94" s="2" t="s">
        <v>45</v>
      </c>
      <c r="I94" s="2" t="s">
        <v>1173</v>
      </c>
      <c r="J94" s="2" t="s">
        <v>1174</v>
      </c>
      <c r="K94" s="2" t="s">
        <v>29</v>
      </c>
      <c r="L94" s="2" t="s">
        <v>30</v>
      </c>
      <c r="M94" s="2" t="s">
        <v>116</v>
      </c>
      <c r="N94" s="2" t="s">
        <v>104</v>
      </c>
      <c r="O94" s="2" t="s">
        <v>189</v>
      </c>
      <c r="P94" s="2" t="s">
        <v>34</v>
      </c>
      <c r="Q94" s="2" t="s">
        <v>34</v>
      </c>
      <c r="R94" s="2" t="s">
        <v>35</v>
      </c>
      <c r="S94" s="2" t="s">
        <v>1175</v>
      </c>
      <c r="T94" s="2" t="s">
        <v>34</v>
      </c>
      <c r="U94" s="2" t="s">
        <v>34</v>
      </c>
      <c r="V94" s="2" t="s">
        <v>34</v>
      </c>
    </row>
    <row r="95" spans="1:22" x14ac:dyDescent="0.25">
      <c r="A95" s="2" t="s">
        <v>843</v>
      </c>
      <c r="B95" s="3" t="s">
        <v>370</v>
      </c>
      <c r="C95" s="2" t="s">
        <v>371</v>
      </c>
      <c r="D95" s="4" t="s">
        <v>1176</v>
      </c>
      <c r="E95" s="2" t="s">
        <v>1171</v>
      </c>
      <c r="F95" s="2" t="s">
        <v>1177</v>
      </c>
      <c r="G95" s="2" t="s">
        <v>279</v>
      </c>
      <c r="H95" s="2" t="s">
        <v>45</v>
      </c>
      <c r="I95" s="2" t="s">
        <v>1173</v>
      </c>
      <c r="J95" s="2" t="s">
        <v>1178</v>
      </c>
      <c r="K95" s="2" t="s">
        <v>29</v>
      </c>
      <c r="L95" s="2" t="s">
        <v>30</v>
      </c>
      <c r="M95" s="2" t="s">
        <v>116</v>
      </c>
      <c r="N95" s="2" t="s">
        <v>104</v>
      </c>
      <c r="O95" s="2" t="s">
        <v>189</v>
      </c>
      <c r="P95" s="2" t="s">
        <v>34</v>
      </c>
      <c r="Q95" s="2" t="s">
        <v>34</v>
      </c>
      <c r="R95" s="2" t="s">
        <v>35</v>
      </c>
      <c r="S95" s="2" t="s">
        <v>1179</v>
      </c>
      <c r="T95" s="2" t="s">
        <v>34</v>
      </c>
      <c r="U95" s="2" t="s">
        <v>34</v>
      </c>
      <c r="V95" s="2" t="s">
        <v>34</v>
      </c>
    </row>
    <row r="96" spans="1:22" x14ac:dyDescent="0.25">
      <c r="A96" s="2" t="s">
        <v>843</v>
      </c>
      <c r="B96" s="3" t="s">
        <v>370</v>
      </c>
      <c r="C96" s="2" t="s">
        <v>371</v>
      </c>
      <c r="D96" s="4" t="s">
        <v>1180</v>
      </c>
      <c r="E96" s="2" t="s">
        <v>935</v>
      </c>
      <c r="F96" s="2" t="s">
        <v>1181</v>
      </c>
      <c r="G96" s="2" t="s">
        <v>324</v>
      </c>
      <c r="H96" s="2" t="s">
        <v>27</v>
      </c>
      <c r="I96" s="2" t="s">
        <v>1029</v>
      </c>
      <c r="J96" s="2" t="s">
        <v>1182</v>
      </c>
      <c r="K96" s="2" t="s">
        <v>29</v>
      </c>
      <c r="L96" s="2" t="s">
        <v>30</v>
      </c>
      <c r="M96" s="2" t="s">
        <v>31</v>
      </c>
      <c r="N96" s="2" t="s">
        <v>104</v>
      </c>
      <c r="O96" s="2" t="s">
        <v>189</v>
      </c>
      <c r="P96" s="2" t="s">
        <v>118</v>
      </c>
      <c r="Q96" s="2" t="s">
        <v>34</v>
      </c>
      <c r="R96" s="2" t="s">
        <v>35</v>
      </c>
      <c r="S96" s="2" t="s">
        <v>1183</v>
      </c>
      <c r="T96" s="2" t="s">
        <v>34</v>
      </c>
      <c r="U96" s="2" t="s">
        <v>34</v>
      </c>
      <c r="V96" s="2" t="s">
        <v>34</v>
      </c>
    </row>
    <row r="97" spans="1:22" x14ac:dyDescent="0.25">
      <c r="A97" s="2" t="s">
        <v>843</v>
      </c>
      <c r="B97" s="3" t="s">
        <v>370</v>
      </c>
      <c r="C97" s="2" t="s">
        <v>371</v>
      </c>
      <c r="D97" s="4" t="s">
        <v>98</v>
      </c>
      <c r="E97" s="2" t="s">
        <v>935</v>
      </c>
      <c r="F97" s="2" t="s">
        <v>1184</v>
      </c>
      <c r="G97" s="2" t="s">
        <v>449</v>
      </c>
      <c r="H97" s="2" t="s">
        <v>27</v>
      </c>
      <c r="I97" s="2" t="s">
        <v>1185</v>
      </c>
      <c r="J97" s="2" t="s">
        <v>1186</v>
      </c>
      <c r="K97" s="2" t="s">
        <v>29</v>
      </c>
      <c r="L97" s="2" t="s">
        <v>30</v>
      </c>
      <c r="M97" s="2" t="s">
        <v>31</v>
      </c>
      <c r="N97" s="2" t="s">
        <v>104</v>
      </c>
      <c r="O97" s="2" t="s">
        <v>189</v>
      </c>
      <c r="P97" s="2" t="s">
        <v>118</v>
      </c>
      <c r="Q97" s="2" t="s">
        <v>34</v>
      </c>
      <c r="R97" s="2" t="s">
        <v>35</v>
      </c>
      <c r="S97" s="2" t="s">
        <v>1187</v>
      </c>
      <c r="T97" s="2" t="s">
        <v>34</v>
      </c>
      <c r="U97" s="2" t="s">
        <v>34</v>
      </c>
      <c r="V97" s="2" t="s">
        <v>34</v>
      </c>
    </row>
    <row r="98" spans="1:22" x14ac:dyDescent="0.25">
      <c r="A98" s="2" t="s">
        <v>843</v>
      </c>
      <c r="B98" s="3" t="s">
        <v>370</v>
      </c>
      <c r="C98" s="2" t="s">
        <v>371</v>
      </c>
      <c r="D98" s="4" t="s">
        <v>1188</v>
      </c>
      <c r="E98" s="2" t="s">
        <v>935</v>
      </c>
      <c r="F98" s="2" t="s">
        <v>1189</v>
      </c>
      <c r="G98" s="2" t="s">
        <v>453</v>
      </c>
      <c r="H98" s="2" t="s">
        <v>27</v>
      </c>
      <c r="I98" s="2" t="s">
        <v>1029</v>
      </c>
      <c r="J98" s="2" t="s">
        <v>1190</v>
      </c>
      <c r="K98" s="2" t="s">
        <v>29</v>
      </c>
      <c r="L98" s="2" t="s">
        <v>30</v>
      </c>
      <c r="M98" s="2" t="s">
        <v>31</v>
      </c>
      <c r="N98" s="2" t="s">
        <v>104</v>
      </c>
      <c r="O98" s="2" t="s">
        <v>189</v>
      </c>
      <c r="P98" s="2" t="s">
        <v>118</v>
      </c>
      <c r="Q98" s="2" t="s">
        <v>34</v>
      </c>
      <c r="R98" s="2" t="s">
        <v>35</v>
      </c>
      <c r="S98" s="2" t="s">
        <v>1191</v>
      </c>
      <c r="T98" s="2" t="s">
        <v>34</v>
      </c>
      <c r="U98" s="2" t="s">
        <v>34</v>
      </c>
      <c r="V98" s="2" t="s">
        <v>34</v>
      </c>
    </row>
    <row r="99" spans="1:22" x14ac:dyDescent="0.25">
      <c r="A99" s="2" t="s">
        <v>843</v>
      </c>
      <c r="B99" s="3" t="s">
        <v>370</v>
      </c>
      <c r="C99" s="2" t="s">
        <v>371</v>
      </c>
      <c r="D99" s="4" t="s">
        <v>1192</v>
      </c>
      <c r="E99" s="2" t="s">
        <v>853</v>
      </c>
      <c r="F99" s="2" t="s">
        <v>1193</v>
      </c>
      <c r="G99" s="2" t="s">
        <v>45</v>
      </c>
      <c r="H99" s="2" t="s">
        <v>45</v>
      </c>
      <c r="I99" s="2" t="s">
        <v>861</v>
      </c>
      <c r="J99" s="2" t="s">
        <v>1194</v>
      </c>
      <c r="K99" s="2" t="s">
        <v>29</v>
      </c>
      <c r="L99" s="2" t="s">
        <v>30</v>
      </c>
      <c r="M99" s="2" t="s">
        <v>116</v>
      </c>
      <c r="N99" s="2" t="s">
        <v>220</v>
      </c>
      <c r="O99" s="2" t="s">
        <v>189</v>
      </c>
      <c r="P99" s="2" t="s">
        <v>118</v>
      </c>
      <c r="Q99" s="2" t="s">
        <v>857</v>
      </c>
      <c r="R99" s="2" t="s">
        <v>35</v>
      </c>
      <c r="S99" s="2" t="s">
        <v>1195</v>
      </c>
      <c r="T99" s="2" t="s">
        <v>34</v>
      </c>
      <c r="U99" s="2" t="s">
        <v>34</v>
      </c>
      <c r="V99" s="2" t="s">
        <v>34</v>
      </c>
    </row>
    <row r="100" spans="1:22" x14ac:dyDescent="0.25">
      <c r="A100" s="2" t="s">
        <v>843</v>
      </c>
      <c r="B100" s="3" t="s">
        <v>370</v>
      </c>
      <c r="C100" s="2" t="s">
        <v>371</v>
      </c>
      <c r="D100" s="4" t="s">
        <v>1196</v>
      </c>
      <c r="E100" s="2" t="s">
        <v>853</v>
      </c>
      <c r="F100" s="2" t="s">
        <v>854</v>
      </c>
      <c r="G100" s="2" t="s">
        <v>27</v>
      </c>
      <c r="H100" s="2" t="s">
        <v>45</v>
      </c>
      <c r="I100" s="2" t="s">
        <v>855</v>
      </c>
      <c r="J100" s="2" t="s">
        <v>856</v>
      </c>
      <c r="K100" s="2" t="s">
        <v>29</v>
      </c>
      <c r="L100" s="2" t="s">
        <v>30</v>
      </c>
      <c r="M100" s="2" t="s">
        <v>116</v>
      </c>
      <c r="N100" s="2" t="s">
        <v>220</v>
      </c>
      <c r="O100" s="2" t="s">
        <v>189</v>
      </c>
      <c r="P100" s="2" t="s">
        <v>118</v>
      </c>
      <c r="Q100" s="2" t="s">
        <v>857</v>
      </c>
      <c r="R100" s="2" t="s">
        <v>35</v>
      </c>
      <c r="S100" s="2" t="s">
        <v>858</v>
      </c>
      <c r="T100" s="2" t="s">
        <v>34</v>
      </c>
      <c r="U100" s="2" t="s">
        <v>34</v>
      </c>
      <c r="V100" s="2" t="s">
        <v>34</v>
      </c>
    </row>
    <row r="101" spans="1:22" x14ac:dyDescent="0.25">
      <c r="A101" s="2" t="s">
        <v>843</v>
      </c>
      <c r="B101" s="3" t="s">
        <v>370</v>
      </c>
      <c r="C101" s="2" t="s">
        <v>371</v>
      </c>
      <c r="D101" s="4" t="s">
        <v>1197</v>
      </c>
      <c r="E101" s="2" t="s">
        <v>865</v>
      </c>
      <c r="F101" s="2" t="s">
        <v>1198</v>
      </c>
      <c r="G101" s="2" t="s">
        <v>45</v>
      </c>
      <c r="H101" s="2" t="s">
        <v>45</v>
      </c>
      <c r="I101" s="2" t="s">
        <v>34</v>
      </c>
      <c r="J101" s="2" t="s">
        <v>1199</v>
      </c>
      <c r="K101" s="2" t="s">
        <v>29</v>
      </c>
      <c r="L101" s="2" t="s">
        <v>30</v>
      </c>
      <c r="M101" s="2" t="s">
        <v>31</v>
      </c>
      <c r="N101" s="2" t="s">
        <v>183</v>
      </c>
      <c r="O101" s="2" t="s">
        <v>249</v>
      </c>
      <c r="P101" s="2" t="s">
        <v>118</v>
      </c>
      <c r="Q101" s="2" t="s">
        <v>34</v>
      </c>
      <c r="R101" s="2" t="s">
        <v>35</v>
      </c>
      <c r="S101" s="2" t="s">
        <v>1200</v>
      </c>
      <c r="T101" s="2" t="s">
        <v>34</v>
      </c>
      <c r="U101" s="2" t="s">
        <v>34</v>
      </c>
      <c r="V101" s="2" t="s">
        <v>34</v>
      </c>
    </row>
    <row r="102" spans="1:22" x14ac:dyDescent="0.25">
      <c r="A102" s="2" t="s">
        <v>843</v>
      </c>
      <c r="B102" s="3" t="s">
        <v>370</v>
      </c>
      <c r="C102" s="2" t="s">
        <v>371</v>
      </c>
      <c r="D102" s="4" t="s">
        <v>120</v>
      </c>
      <c r="E102" s="2" t="s">
        <v>865</v>
      </c>
      <c r="F102" s="2" t="s">
        <v>1201</v>
      </c>
      <c r="G102" s="2" t="s">
        <v>27</v>
      </c>
      <c r="H102" s="2" t="s">
        <v>45</v>
      </c>
      <c r="I102" s="2" t="s">
        <v>34</v>
      </c>
      <c r="J102" s="2" t="s">
        <v>1202</v>
      </c>
      <c r="K102" s="2" t="s">
        <v>29</v>
      </c>
      <c r="L102" s="2" t="s">
        <v>30</v>
      </c>
      <c r="M102" s="2" t="s">
        <v>31</v>
      </c>
      <c r="N102" s="2" t="s">
        <v>183</v>
      </c>
      <c r="O102" s="2" t="s">
        <v>249</v>
      </c>
      <c r="P102" s="2" t="s">
        <v>118</v>
      </c>
      <c r="Q102" s="2" t="s">
        <v>34</v>
      </c>
      <c r="R102" s="2" t="s">
        <v>35</v>
      </c>
      <c r="S102" s="2" t="s">
        <v>1203</v>
      </c>
      <c r="T102" s="2" t="s">
        <v>34</v>
      </c>
      <c r="U102" s="2" t="s">
        <v>34</v>
      </c>
      <c r="V102" s="2" t="s">
        <v>34</v>
      </c>
    </row>
    <row r="103" spans="1:22" x14ac:dyDescent="0.25">
      <c r="A103" s="2" t="s">
        <v>843</v>
      </c>
      <c r="B103" s="3" t="s">
        <v>370</v>
      </c>
      <c r="C103" s="2" t="s">
        <v>371</v>
      </c>
      <c r="D103" s="4" t="s">
        <v>1204</v>
      </c>
      <c r="E103" s="2" t="s">
        <v>853</v>
      </c>
      <c r="F103" s="2" t="s">
        <v>1205</v>
      </c>
      <c r="G103" s="2" t="s">
        <v>439</v>
      </c>
      <c r="H103" s="2" t="s">
        <v>45</v>
      </c>
      <c r="I103" s="2" t="s">
        <v>861</v>
      </c>
      <c r="J103" s="2" t="s">
        <v>1206</v>
      </c>
      <c r="K103" s="2" t="s">
        <v>29</v>
      </c>
      <c r="L103" s="2" t="s">
        <v>30</v>
      </c>
      <c r="M103" s="2" t="s">
        <v>116</v>
      </c>
      <c r="N103" s="2" t="s">
        <v>220</v>
      </c>
      <c r="O103" s="2" t="s">
        <v>189</v>
      </c>
      <c r="P103" s="2" t="s">
        <v>118</v>
      </c>
      <c r="Q103" s="2" t="s">
        <v>857</v>
      </c>
      <c r="R103" s="2" t="s">
        <v>35</v>
      </c>
      <c r="S103" s="2" t="s">
        <v>1207</v>
      </c>
      <c r="T103" s="2" t="s">
        <v>34</v>
      </c>
      <c r="U103" s="2" t="s">
        <v>34</v>
      </c>
      <c r="V103" s="2" t="s">
        <v>34</v>
      </c>
    </row>
    <row r="104" spans="1:22" x14ac:dyDescent="0.25">
      <c r="A104" s="2" t="s">
        <v>843</v>
      </c>
      <c r="B104" s="3" t="s">
        <v>370</v>
      </c>
      <c r="C104" s="2" t="s">
        <v>371</v>
      </c>
      <c r="D104" s="4" t="s">
        <v>138</v>
      </c>
      <c r="E104" s="2" t="s">
        <v>853</v>
      </c>
      <c r="F104" s="2" t="s">
        <v>1208</v>
      </c>
      <c r="G104" s="2" t="s">
        <v>162</v>
      </c>
      <c r="H104" s="2" t="s">
        <v>45</v>
      </c>
      <c r="I104" s="2" t="s">
        <v>861</v>
      </c>
      <c r="J104" s="2" t="s">
        <v>1209</v>
      </c>
      <c r="K104" s="2" t="s">
        <v>29</v>
      </c>
      <c r="L104" s="2" t="s">
        <v>30</v>
      </c>
      <c r="M104" s="2" t="s">
        <v>116</v>
      </c>
      <c r="N104" s="2" t="s">
        <v>220</v>
      </c>
      <c r="O104" s="2" t="s">
        <v>189</v>
      </c>
      <c r="P104" s="2" t="s">
        <v>118</v>
      </c>
      <c r="Q104" s="2" t="s">
        <v>857</v>
      </c>
      <c r="R104" s="2" t="s">
        <v>35</v>
      </c>
      <c r="S104" s="2" t="s">
        <v>1210</v>
      </c>
      <c r="T104" s="2" t="s">
        <v>34</v>
      </c>
      <c r="U104" s="2" t="s">
        <v>34</v>
      </c>
      <c r="V104" s="2" t="s">
        <v>34</v>
      </c>
    </row>
    <row r="105" spans="1:22" x14ac:dyDescent="0.25">
      <c r="A105" s="2" t="s">
        <v>843</v>
      </c>
      <c r="B105" s="3" t="s">
        <v>370</v>
      </c>
      <c r="C105" s="2" t="s">
        <v>371</v>
      </c>
      <c r="D105" s="4" t="s">
        <v>1211</v>
      </c>
      <c r="E105" s="2" t="s">
        <v>1212</v>
      </c>
      <c r="F105" s="2" t="s">
        <v>1213</v>
      </c>
      <c r="G105" s="2" t="s">
        <v>424</v>
      </c>
      <c r="H105" s="2" t="s">
        <v>27</v>
      </c>
      <c r="I105" s="2" t="s">
        <v>34</v>
      </c>
      <c r="J105" s="2" t="s">
        <v>1214</v>
      </c>
      <c r="K105" s="2" t="s">
        <v>29</v>
      </c>
      <c r="L105" s="2" t="s">
        <v>30</v>
      </c>
      <c r="M105" s="2" t="s">
        <v>31</v>
      </c>
      <c r="N105" s="2" t="s">
        <v>49</v>
      </c>
      <c r="O105" s="2" t="s">
        <v>249</v>
      </c>
      <c r="P105" s="2" t="s">
        <v>34</v>
      </c>
      <c r="Q105" s="2" t="s">
        <v>34</v>
      </c>
      <c r="R105" s="2" t="s">
        <v>35</v>
      </c>
      <c r="S105" s="2" t="s">
        <v>1215</v>
      </c>
      <c r="T105" s="2" t="s">
        <v>34</v>
      </c>
      <c r="U105" s="2" t="s">
        <v>34</v>
      </c>
      <c r="V105" s="2" t="s">
        <v>34</v>
      </c>
    </row>
    <row r="106" spans="1:22" x14ac:dyDescent="0.25">
      <c r="A106" s="2" t="s">
        <v>843</v>
      </c>
      <c r="B106" s="3" t="s">
        <v>370</v>
      </c>
      <c r="C106" s="2" t="s">
        <v>371</v>
      </c>
      <c r="D106" s="4" t="s">
        <v>144</v>
      </c>
      <c r="E106" s="2" t="s">
        <v>1212</v>
      </c>
      <c r="F106" s="2" t="s">
        <v>1216</v>
      </c>
      <c r="G106" s="2" t="s">
        <v>429</v>
      </c>
      <c r="H106" s="2" t="s">
        <v>27</v>
      </c>
      <c r="I106" s="2" t="s">
        <v>34</v>
      </c>
      <c r="J106" s="2" t="s">
        <v>1217</v>
      </c>
      <c r="K106" s="2" t="s">
        <v>29</v>
      </c>
      <c r="L106" s="2" t="s">
        <v>30</v>
      </c>
      <c r="M106" s="2" t="s">
        <v>31</v>
      </c>
      <c r="N106" s="2" t="s">
        <v>49</v>
      </c>
      <c r="O106" s="2" t="s">
        <v>249</v>
      </c>
      <c r="P106" s="2" t="s">
        <v>34</v>
      </c>
      <c r="Q106" s="2" t="s">
        <v>34</v>
      </c>
      <c r="R106" s="2" t="s">
        <v>35</v>
      </c>
      <c r="S106" s="2" t="s">
        <v>1218</v>
      </c>
      <c r="T106" s="2" t="s">
        <v>34</v>
      </c>
      <c r="U106" s="2" t="s">
        <v>34</v>
      </c>
      <c r="V106" s="2" t="s">
        <v>34</v>
      </c>
    </row>
    <row r="107" spans="1:22" x14ac:dyDescent="0.25">
      <c r="A107" s="2" t="s">
        <v>843</v>
      </c>
      <c r="B107" s="3" t="s">
        <v>370</v>
      </c>
      <c r="C107" s="2" t="s">
        <v>371</v>
      </c>
      <c r="D107" s="4" t="s">
        <v>1219</v>
      </c>
      <c r="E107" s="2" t="s">
        <v>1212</v>
      </c>
      <c r="F107" s="2" t="s">
        <v>1220</v>
      </c>
      <c r="G107" s="2" t="s">
        <v>400</v>
      </c>
      <c r="H107" s="2" t="s">
        <v>27</v>
      </c>
      <c r="I107" s="2" t="s">
        <v>34</v>
      </c>
      <c r="J107" s="2" t="s">
        <v>1221</v>
      </c>
      <c r="K107" s="2" t="s">
        <v>29</v>
      </c>
      <c r="L107" s="2" t="s">
        <v>30</v>
      </c>
      <c r="M107" s="2" t="s">
        <v>31</v>
      </c>
      <c r="N107" s="2" t="s">
        <v>49</v>
      </c>
      <c r="O107" s="2" t="s">
        <v>33</v>
      </c>
      <c r="P107" s="2" t="s">
        <v>34</v>
      </c>
      <c r="Q107" s="2" t="s">
        <v>34</v>
      </c>
      <c r="R107" s="2" t="s">
        <v>35</v>
      </c>
      <c r="S107" s="2" t="s">
        <v>1222</v>
      </c>
      <c r="T107" s="2" t="s">
        <v>34</v>
      </c>
      <c r="U107" s="2" t="s">
        <v>34</v>
      </c>
      <c r="V107" s="2" t="s">
        <v>34</v>
      </c>
    </row>
    <row r="108" spans="1:22" x14ac:dyDescent="0.25">
      <c r="A108" s="2" t="s">
        <v>843</v>
      </c>
      <c r="B108" s="3" t="s">
        <v>370</v>
      </c>
      <c r="C108" s="2" t="s">
        <v>371</v>
      </c>
      <c r="D108" s="4" t="s">
        <v>918</v>
      </c>
      <c r="E108" s="2" t="s">
        <v>1223</v>
      </c>
      <c r="F108" s="2" t="s">
        <v>1224</v>
      </c>
      <c r="G108" s="2" t="s">
        <v>193</v>
      </c>
      <c r="H108" s="2" t="s">
        <v>27</v>
      </c>
      <c r="I108" s="2" t="s">
        <v>1225</v>
      </c>
      <c r="J108" s="2" t="s">
        <v>1226</v>
      </c>
      <c r="K108" s="2" t="s">
        <v>29</v>
      </c>
      <c r="L108" s="2" t="s">
        <v>30</v>
      </c>
      <c r="M108" s="2" t="s">
        <v>116</v>
      </c>
      <c r="N108" s="2" t="s">
        <v>183</v>
      </c>
      <c r="O108" s="2" t="s">
        <v>1227</v>
      </c>
      <c r="P108" s="2" t="s">
        <v>34</v>
      </c>
      <c r="Q108" s="2" t="s">
        <v>34</v>
      </c>
      <c r="R108" s="2" t="s">
        <v>35</v>
      </c>
      <c r="S108" s="2" t="s">
        <v>1228</v>
      </c>
      <c r="T108" s="2" t="s">
        <v>34</v>
      </c>
      <c r="U108" s="2" t="s">
        <v>34</v>
      </c>
      <c r="V108" s="2" t="s">
        <v>34</v>
      </c>
    </row>
    <row r="109" spans="1:22" x14ac:dyDescent="0.25">
      <c r="A109" s="2" t="s">
        <v>843</v>
      </c>
      <c r="B109" s="3" t="s">
        <v>370</v>
      </c>
      <c r="C109" s="2" t="s">
        <v>371</v>
      </c>
      <c r="D109" s="4" t="s">
        <v>1229</v>
      </c>
      <c r="E109" s="2" t="s">
        <v>1223</v>
      </c>
      <c r="F109" s="2" t="s">
        <v>1230</v>
      </c>
      <c r="G109" s="2" t="s">
        <v>331</v>
      </c>
      <c r="H109" s="2" t="s">
        <v>27</v>
      </c>
      <c r="I109" s="2" t="s">
        <v>1225</v>
      </c>
      <c r="J109" s="2" t="s">
        <v>1231</v>
      </c>
      <c r="K109" s="2" t="s">
        <v>29</v>
      </c>
      <c r="L109" s="2" t="s">
        <v>30</v>
      </c>
      <c r="M109" s="2" t="s">
        <v>116</v>
      </c>
      <c r="N109" s="2" t="s">
        <v>183</v>
      </c>
      <c r="O109" s="2" t="s">
        <v>1227</v>
      </c>
      <c r="P109" s="2" t="s">
        <v>34</v>
      </c>
      <c r="Q109" s="2" t="s">
        <v>34</v>
      </c>
      <c r="R109" s="2" t="s">
        <v>35</v>
      </c>
      <c r="S109" s="2" t="s">
        <v>1232</v>
      </c>
      <c r="T109" s="2" t="s">
        <v>34</v>
      </c>
      <c r="U109" s="2" t="s">
        <v>34</v>
      </c>
      <c r="V109" s="2" t="s">
        <v>34</v>
      </c>
    </row>
    <row r="110" spans="1:22" x14ac:dyDescent="0.25">
      <c r="A110" s="2" t="s">
        <v>843</v>
      </c>
      <c r="B110" s="3" t="s">
        <v>370</v>
      </c>
      <c r="C110" s="2" t="s">
        <v>371</v>
      </c>
      <c r="D110" s="4" t="s">
        <v>170</v>
      </c>
      <c r="E110" s="2" t="s">
        <v>1223</v>
      </c>
      <c r="F110" s="2" t="s">
        <v>1233</v>
      </c>
      <c r="G110" s="2" t="s">
        <v>483</v>
      </c>
      <c r="H110" s="2" t="s">
        <v>27</v>
      </c>
      <c r="I110" s="2" t="s">
        <v>1225</v>
      </c>
      <c r="J110" s="2" t="s">
        <v>1234</v>
      </c>
      <c r="K110" s="2" t="s">
        <v>29</v>
      </c>
      <c r="L110" s="2" t="s">
        <v>30</v>
      </c>
      <c r="M110" s="2" t="s">
        <v>116</v>
      </c>
      <c r="N110" s="2" t="s">
        <v>183</v>
      </c>
      <c r="O110" s="2" t="s">
        <v>1227</v>
      </c>
      <c r="P110" s="2" t="s">
        <v>34</v>
      </c>
      <c r="Q110" s="2" t="s">
        <v>34</v>
      </c>
      <c r="R110" s="2" t="s">
        <v>35</v>
      </c>
      <c r="S110" s="2" t="s">
        <v>1235</v>
      </c>
      <c r="T110" s="2" t="s">
        <v>34</v>
      </c>
      <c r="U110" s="2" t="s">
        <v>34</v>
      </c>
      <c r="V110" s="2" t="s">
        <v>34</v>
      </c>
    </row>
    <row r="111" spans="1:22" x14ac:dyDescent="0.25">
      <c r="A111" s="2" t="s">
        <v>843</v>
      </c>
      <c r="B111" s="3" t="s">
        <v>370</v>
      </c>
      <c r="C111" s="2" t="s">
        <v>371</v>
      </c>
      <c r="D111" s="4" t="s">
        <v>175</v>
      </c>
      <c r="E111" s="2" t="s">
        <v>1223</v>
      </c>
      <c r="F111" s="2" t="s">
        <v>1236</v>
      </c>
      <c r="G111" s="2" t="s">
        <v>534</v>
      </c>
      <c r="H111" s="2" t="s">
        <v>27</v>
      </c>
      <c r="I111" s="2" t="s">
        <v>1225</v>
      </c>
      <c r="J111" s="2" t="s">
        <v>1237</v>
      </c>
      <c r="K111" s="2" t="s">
        <v>29</v>
      </c>
      <c r="L111" s="2" t="s">
        <v>30</v>
      </c>
      <c r="M111" s="2" t="s">
        <v>116</v>
      </c>
      <c r="N111" s="2" t="s">
        <v>183</v>
      </c>
      <c r="O111" s="2" t="s">
        <v>1227</v>
      </c>
      <c r="P111" s="2" t="s">
        <v>34</v>
      </c>
      <c r="Q111" s="2" t="s">
        <v>34</v>
      </c>
      <c r="R111" s="2" t="s">
        <v>35</v>
      </c>
      <c r="S111" s="2" t="s">
        <v>1238</v>
      </c>
      <c r="T111" s="2" t="s">
        <v>34</v>
      </c>
      <c r="U111" s="2" t="s">
        <v>34</v>
      </c>
      <c r="V111" s="2" t="s">
        <v>34</v>
      </c>
    </row>
    <row r="112" spans="1:22" x14ac:dyDescent="0.25">
      <c r="A112" s="2" t="s">
        <v>843</v>
      </c>
      <c r="B112" s="3" t="s">
        <v>370</v>
      </c>
      <c r="C112" s="2" t="s">
        <v>371</v>
      </c>
      <c r="D112" s="4" t="s">
        <v>455</v>
      </c>
      <c r="E112" s="2" t="s">
        <v>1239</v>
      </c>
      <c r="F112" s="2" t="s">
        <v>1240</v>
      </c>
      <c r="G112" s="2" t="s">
        <v>384</v>
      </c>
      <c r="H112" s="2" t="s">
        <v>133</v>
      </c>
      <c r="I112" s="2" t="s">
        <v>34</v>
      </c>
      <c r="J112" s="2" t="s">
        <v>1241</v>
      </c>
      <c r="K112" s="2" t="s">
        <v>29</v>
      </c>
      <c r="L112" s="2" t="s">
        <v>30</v>
      </c>
      <c r="M112" s="2" t="s">
        <v>31</v>
      </c>
      <c r="N112" s="2" t="s">
        <v>183</v>
      </c>
      <c r="O112" s="2" t="s">
        <v>905</v>
      </c>
      <c r="P112" s="2" t="s">
        <v>34</v>
      </c>
      <c r="Q112" s="2" t="s">
        <v>34</v>
      </c>
      <c r="R112" s="2" t="s">
        <v>35</v>
      </c>
      <c r="S112" s="2" t="s">
        <v>1242</v>
      </c>
      <c r="T112" s="2" t="s">
        <v>34</v>
      </c>
      <c r="U112" s="2" t="s">
        <v>34</v>
      </c>
      <c r="V112" s="2" t="s">
        <v>34</v>
      </c>
    </row>
    <row r="113" spans="1:22" x14ac:dyDescent="0.25">
      <c r="A113" s="2" t="s">
        <v>843</v>
      </c>
      <c r="B113" s="3" t="s">
        <v>370</v>
      </c>
      <c r="C113" s="2" t="s">
        <v>371</v>
      </c>
      <c r="D113" s="4" t="s">
        <v>456</v>
      </c>
      <c r="E113" s="2" t="s">
        <v>1239</v>
      </c>
      <c r="F113" s="2" t="s">
        <v>1243</v>
      </c>
      <c r="G113" s="2" t="s">
        <v>388</v>
      </c>
      <c r="H113" s="2" t="s">
        <v>133</v>
      </c>
      <c r="I113" s="2" t="s">
        <v>34</v>
      </c>
      <c r="J113" s="2" t="s">
        <v>1244</v>
      </c>
      <c r="K113" s="2" t="s">
        <v>29</v>
      </c>
      <c r="L113" s="2" t="s">
        <v>30</v>
      </c>
      <c r="M113" s="2" t="s">
        <v>31</v>
      </c>
      <c r="N113" s="2" t="s">
        <v>183</v>
      </c>
      <c r="O113" s="2" t="s">
        <v>905</v>
      </c>
      <c r="P113" s="2" t="s">
        <v>34</v>
      </c>
      <c r="Q113" s="2" t="s">
        <v>34</v>
      </c>
      <c r="R113" s="2" t="s">
        <v>35</v>
      </c>
      <c r="S113" s="2" t="s">
        <v>1245</v>
      </c>
      <c r="T113" s="2" t="s">
        <v>34</v>
      </c>
      <c r="U113" s="2" t="s">
        <v>34</v>
      </c>
      <c r="V113" s="2" t="s">
        <v>34</v>
      </c>
    </row>
    <row r="114" spans="1:22" x14ac:dyDescent="0.25">
      <c r="A114" s="2" t="s">
        <v>843</v>
      </c>
      <c r="B114" s="3" t="s">
        <v>370</v>
      </c>
      <c r="C114" s="2" t="s">
        <v>371</v>
      </c>
      <c r="D114" s="4" t="s">
        <v>179</v>
      </c>
      <c r="E114" s="2" t="s">
        <v>1239</v>
      </c>
      <c r="F114" s="2" t="s">
        <v>1246</v>
      </c>
      <c r="G114" s="2" t="s">
        <v>392</v>
      </c>
      <c r="H114" s="2" t="s">
        <v>133</v>
      </c>
      <c r="I114" s="2" t="s">
        <v>34</v>
      </c>
      <c r="J114" s="2" t="s">
        <v>1244</v>
      </c>
      <c r="K114" s="2" t="s">
        <v>29</v>
      </c>
      <c r="L114" s="2" t="s">
        <v>30</v>
      </c>
      <c r="M114" s="2" t="s">
        <v>31</v>
      </c>
      <c r="N114" s="2" t="s">
        <v>183</v>
      </c>
      <c r="O114" s="2" t="s">
        <v>905</v>
      </c>
      <c r="P114" s="2" t="s">
        <v>34</v>
      </c>
      <c r="Q114" s="2" t="s">
        <v>34</v>
      </c>
      <c r="R114" s="2" t="s">
        <v>35</v>
      </c>
      <c r="S114" s="2" t="s">
        <v>1247</v>
      </c>
      <c r="T114" s="2" t="s">
        <v>34</v>
      </c>
      <c r="U114" s="2" t="s">
        <v>34</v>
      </c>
      <c r="V114" s="2" t="s">
        <v>34</v>
      </c>
    </row>
    <row r="115" spans="1:22" x14ac:dyDescent="0.25">
      <c r="A115" s="2" t="s">
        <v>843</v>
      </c>
      <c r="B115" s="3" t="s">
        <v>370</v>
      </c>
      <c r="C115" s="2" t="s">
        <v>371</v>
      </c>
      <c r="D115" s="4" t="s">
        <v>463</v>
      </c>
      <c r="E115" s="2" t="s">
        <v>1239</v>
      </c>
      <c r="F115" s="2" t="s">
        <v>1248</v>
      </c>
      <c r="G115" s="2" t="s">
        <v>396</v>
      </c>
      <c r="H115" s="2" t="s">
        <v>133</v>
      </c>
      <c r="I115" s="2" t="s">
        <v>34</v>
      </c>
      <c r="J115" s="2" t="s">
        <v>1244</v>
      </c>
      <c r="K115" s="2" t="s">
        <v>29</v>
      </c>
      <c r="L115" s="2" t="s">
        <v>30</v>
      </c>
      <c r="M115" s="2" t="s">
        <v>31</v>
      </c>
      <c r="N115" s="2" t="s">
        <v>183</v>
      </c>
      <c r="O115" s="2" t="s">
        <v>905</v>
      </c>
      <c r="P115" s="2" t="s">
        <v>34</v>
      </c>
      <c r="Q115" s="2" t="s">
        <v>34</v>
      </c>
      <c r="R115" s="2" t="s">
        <v>35</v>
      </c>
      <c r="S115" s="2" t="s">
        <v>1249</v>
      </c>
      <c r="T115" s="2" t="s">
        <v>34</v>
      </c>
      <c r="U115" s="2" t="s">
        <v>34</v>
      </c>
      <c r="V115" s="2" t="s">
        <v>34</v>
      </c>
    </row>
    <row r="116" spans="1:22" x14ac:dyDescent="0.25">
      <c r="A116" s="2" t="s">
        <v>843</v>
      </c>
      <c r="B116" s="3" t="s">
        <v>370</v>
      </c>
      <c r="C116" s="2" t="s">
        <v>371</v>
      </c>
      <c r="D116" s="4" t="s">
        <v>1250</v>
      </c>
      <c r="E116" s="2" t="s">
        <v>853</v>
      </c>
      <c r="F116" s="2" t="s">
        <v>1251</v>
      </c>
      <c r="G116" s="2" t="s">
        <v>388</v>
      </c>
      <c r="H116" s="2" t="s">
        <v>45</v>
      </c>
      <c r="I116" s="2" t="s">
        <v>861</v>
      </c>
      <c r="J116" s="2" t="s">
        <v>1252</v>
      </c>
      <c r="K116" s="2" t="s">
        <v>29</v>
      </c>
      <c r="L116" s="2" t="s">
        <v>30</v>
      </c>
      <c r="M116" s="2" t="s">
        <v>116</v>
      </c>
      <c r="N116" s="2" t="s">
        <v>220</v>
      </c>
      <c r="O116" s="2" t="s">
        <v>189</v>
      </c>
      <c r="P116" s="2" t="s">
        <v>118</v>
      </c>
      <c r="Q116" s="2" t="s">
        <v>857</v>
      </c>
      <c r="R116" s="2" t="s">
        <v>35</v>
      </c>
      <c r="S116" s="2" t="s">
        <v>1253</v>
      </c>
      <c r="T116" s="2" t="s">
        <v>34</v>
      </c>
      <c r="U116" s="2" t="s">
        <v>34</v>
      </c>
      <c r="V116" s="2" t="s">
        <v>34</v>
      </c>
    </row>
    <row r="117" spans="1:22" x14ac:dyDescent="0.25">
      <c r="A117" s="2" t="s">
        <v>843</v>
      </c>
      <c r="B117" s="3" t="s">
        <v>370</v>
      </c>
      <c r="C117" s="2" t="s">
        <v>371</v>
      </c>
      <c r="D117" s="4" t="s">
        <v>478</v>
      </c>
      <c r="E117" s="2" t="s">
        <v>853</v>
      </c>
      <c r="F117" s="2" t="s">
        <v>1254</v>
      </c>
      <c r="G117" s="2" t="s">
        <v>172</v>
      </c>
      <c r="H117" s="2" t="s">
        <v>45</v>
      </c>
      <c r="I117" s="2" t="s">
        <v>861</v>
      </c>
      <c r="J117" s="2" t="s">
        <v>1255</v>
      </c>
      <c r="K117" s="2" t="s">
        <v>29</v>
      </c>
      <c r="L117" s="2" t="s">
        <v>30</v>
      </c>
      <c r="M117" s="2" t="s">
        <v>116</v>
      </c>
      <c r="N117" s="2" t="s">
        <v>220</v>
      </c>
      <c r="O117" s="2" t="s">
        <v>189</v>
      </c>
      <c r="P117" s="2" t="s">
        <v>118</v>
      </c>
      <c r="Q117" s="2" t="s">
        <v>857</v>
      </c>
      <c r="R117" s="2" t="s">
        <v>35</v>
      </c>
      <c r="S117" s="2" t="s">
        <v>1256</v>
      </c>
      <c r="T117" s="2" t="s">
        <v>34</v>
      </c>
      <c r="U117" s="2" t="s">
        <v>34</v>
      </c>
      <c r="V117" s="2" t="s">
        <v>34</v>
      </c>
    </row>
    <row r="118" spans="1:22" x14ac:dyDescent="0.25">
      <c r="A118" s="2" t="s">
        <v>843</v>
      </c>
      <c r="B118" s="3" t="s">
        <v>370</v>
      </c>
      <c r="C118" s="2" t="s">
        <v>371</v>
      </c>
      <c r="D118" s="4" t="s">
        <v>943</v>
      </c>
      <c r="E118" s="2" t="s">
        <v>865</v>
      </c>
      <c r="F118" s="2" t="s">
        <v>1257</v>
      </c>
      <c r="G118" s="2" t="s">
        <v>60</v>
      </c>
      <c r="H118" s="2" t="s">
        <v>45</v>
      </c>
      <c r="I118" s="2" t="s">
        <v>34</v>
      </c>
      <c r="J118" s="2" t="s">
        <v>1258</v>
      </c>
      <c r="K118" s="2" t="s">
        <v>29</v>
      </c>
      <c r="L118" s="2" t="s">
        <v>30</v>
      </c>
      <c r="M118" s="2" t="s">
        <v>31</v>
      </c>
      <c r="N118" s="2" t="s">
        <v>183</v>
      </c>
      <c r="O118" s="2" t="s">
        <v>249</v>
      </c>
      <c r="P118" s="2" t="s">
        <v>118</v>
      </c>
      <c r="Q118" s="2" t="s">
        <v>34</v>
      </c>
      <c r="R118" s="2" t="s">
        <v>35</v>
      </c>
      <c r="S118" s="2" t="s">
        <v>1259</v>
      </c>
      <c r="T118" s="2" t="s">
        <v>34</v>
      </c>
      <c r="U118" s="2" t="s">
        <v>34</v>
      </c>
      <c r="V118" s="2" t="s">
        <v>34</v>
      </c>
    </row>
    <row r="119" spans="1:22" x14ac:dyDescent="0.25">
      <c r="A119" s="2" t="s">
        <v>843</v>
      </c>
      <c r="B119" s="3" t="s">
        <v>370</v>
      </c>
      <c r="C119" s="2" t="s">
        <v>371</v>
      </c>
      <c r="D119" s="4" t="s">
        <v>947</v>
      </c>
      <c r="E119" s="2" t="s">
        <v>865</v>
      </c>
      <c r="F119" s="2" t="s">
        <v>1025</v>
      </c>
      <c r="G119" s="2" t="s">
        <v>65</v>
      </c>
      <c r="H119" s="2" t="s">
        <v>45</v>
      </c>
      <c r="I119" s="2" t="s">
        <v>34</v>
      </c>
      <c r="J119" s="2" t="s">
        <v>1026</v>
      </c>
      <c r="K119" s="2" t="s">
        <v>29</v>
      </c>
      <c r="L119" s="2" t="s">
        <v>30</v>
      </c>
      <c r="M119" s="2" t="s">
        <v>31</v>
      </c>
      <c r="N119" s="2" t="s">
        <v>183</v>
      </c>
      <c r="O119" s="2" t="s">
        <v>249</v>
      </c>
      <c r="P119" s="2" t="s">
        <v>118</v>
      </c>
      <c r="Q119" s="2" t="s">
        <v>34</v>
      </c>
      <c r="R119" s="2" t="s">
        <v>35</v>
      </c>
      <c r="S119" s="2" t="s">
        <v>1027</v>
      </c>
      <c r="T119" s="2" t="s">
        <v>34</v>
      </c>
      <c r="U119" s="2" t="s">
        <v>34</v>
      </c>
      <c r="V119" s="2" t="s">
        <v>34</v>
      </c>
    </row>
    <row r="120" spans="1:22" x14ac:dyDescent="0.25">
      <c r="A120" s="2" t="s">
        <v>843</v>
      </c>
      <c r="B120" s="3" t="s">
        <v>370</v>
      </c>
      <c r="C120" s="2" t="s">
        <v>371</v>
      </c>
      <c r="D120" s="4" t="s">
        <v>202</v>
      </c>
      <c r="E120" s="2" t="s">
        <v>853</v>
      </c>
      <c r="F120" s="2" t="s">
        <v>1260</v>
      </c>
      <c r="G120" s="2" t="s">
        <v>235</v>
      </c>
      <c r="H120" s="2" t="s">
        <v>86</v>
      </c>
      <c r="I120" s="2" t="s">
        <v>861</v>
      </c>
      <c r="J120" s="2" t="s">
        <v>1261</v>
      </c>
      <c r="K120" s="2" t="s">
        <v>29</v>
      </c>
      <c r="L120" s="2" t="s">
        <v>30</v>
      </c>
      <c r="M120" s="2" t="s">
        <v>116</v>
      </c>
      <c r="N120" s="2" t="s">
        <v>183</v>
      </c>
      <c r="O120" s="2" t="s">
        <v>189</v>
      </c>
      <c r="P120" s="2" t="s">
        <v>118</v>
      </c>
      <c r="Q120" s="2" t="s">
        <v>34</v>
      </c>
      <c r="R120" s="2" t="s">
        <v>35</v>
      </c>
      <c r="S120" s="2" t="s">
        <v>1262</v>
      </c>
      <c r="T120" s="2" t="s">
        <v>1263</v>
      </c>
      <c r="U120" s="2" t="s">
        <v>34</v>
      </c>
      <c r="V120" s="2" t="s">
        <v>34</v>
      </c>
    </row>
    <row r="121" spans="1:22" x14ac:dyDescent="0.25">
      <c r="A121" s="2" t="s">
        <v>843</v>
      </c>
      <c r="B121" s="3" t="s">
        <v>370</v>
      </c>
      <c r="C121" s="2" t="s">
        <v>371</v>
      </c>
      <c r="D121" s="4" t="s">
        <v>1264</v>
      </c>
      <c r="E121" s="2" t="s">
        <v>1265</v>
      </c>
      <c r="F121" s="2" t="s">
        <v>34</v>
      </c>
      <c r="G121" s="2" t="s">
        <v>34</v>
      </c>
      <c r="H121" s="2" t="s">
        <v>34</v>
      </c>
      <c r="I121" s="2" t="s">
        <v>34</v>
      </c>
      <c r="J121" s="2" t="s">
        <v>1111</v>
      </c>
      <c r="K121" s="2" t="s">
        <v>115</v>
      </c>
      <c r="L121" s="2" t="s">
        <v>34</v>
      </c>
      <c r="M121" s="2" t="s">
        <v>116</v>
      </c>
      <c r="N121" s="2" t="s">
        <v>104</v>
      </c>
      <c r="O121" s="2" t="s">
        <v>1266</v>
      </c>
      <c r="P121" s="2" t="s">
        <v>34</v>
      </c>
      <c r="Q121" s="2" t="s">
        <v>34</v>
      </c>
      <c r="R121" s="2" t="s">
        <v>35</v>
      </c>
      <c r="S121" s="2" t="s">
        <v>1267</v>
      </c>
      <c r="T121" s="2" t="s">
        <v>34</v>
      </c>
      <c r="U121" s="2" t="s">
        <v>34</v>
      </c>
      <c r="V121" s="2" t="s">
        <v>34</v>
      </c>
    </row>
    <row r="122" spans="1:22" x14ac:dyDescent="0.25">
      <c r="A122" s="2" t="s">
        <v>843</v>
      </c>
      <c r="B122" s="3" t="s">
        <v>370</v>
      </c>
      <c r="C122" s="2" t="s">
        <v>371</v>
      </c>
      <c r="D122" s="4" t="s">
        <v>1268</v>
      </c>
      <c r="E122" s="2" t="s">
        <v>935</v>
      </c>
      <c r="F122" s="2" t="s">
        <v>1269</v>
      </c>
      <c r="G122" s="2" t="s">
        <v>91</v>
      </c>
      <c r="H122" s="2" t="s">
        <v>86</v>
      </c>
      <c r="I122" s="2" t="s">
        <v>34</v>
      </c>
      <c r="J122" s="2" t="s">
        <v>1270</v>
      </c>
      <c r="K122" s="2" t="s">
        <v>29</v>
      </c>
      <c r="L122" s="2" t="s">
        <v>30</v>
      </c>
      <c r="M122" s="2" t="s">
        <v>31</v>
      </c>
      <c r="N122" s="2" t="s">
        <v>49</v>
      </c>
      <c r="O122" s="2" t="s">
        <v>189</v>
      </c>
      <c r="P122" s="2" t="s">
        <v>118</v>
      </c>
      <c r="Q122" s="2" t="s">
        <v>34</v>
      </c>
      <c r="R122" s="2" t="s">
        <v>35</v>
      </c>
      <c r="S122" s="2" t="s">
        <v>1271</v>
      </c>
      <c r="T122" s="2" t="s">
        <v>34</v>
      </c>
      <c r="U122" s="2" t="s">
        <v>34</v>
      </c>
      <c r="V122" s="2" t="s">
        <v>34</v>
      </c>
    </row>
    <row r="123" spans="1:22" x14ac:dyDescent="0.25">
      <c r="A123" s="2" t="s">
        <v>843</v>
      </c>
      <c r="B123" s="3" t="s">
        <v>370</v>
      </c>
      <c r="C123" s="2" t="s">
        <v>371</v>
      </c>
      <c r="D123" s="4" t="s">
        <v>1272</v>
      </c>
      <c r="E123" s="2" t="s">
        <v>935</v>
      </c>
      <c r="F123" s="2" t="s">
        <v>1273</v>
      </c>
      <c r="G123" s="2" t="s">
        <v>193</v>
      </c>
      <c r="H123" s="2" t="s">
        <v>86</v>
      </c>
      <c r="I123" s="2" t="s">
        <v>34</v>
      </c>
      <c r="J123" s="2" t="s">
        <v>1274</v>
      </c>
      <c r="K123" s="2" t="s">
        <v>29</v>
      </c>
      <c r="L123" s="2" t="s">
        <v>30</v>
      </c>
      <c r="M123" s="2" t="s">
        <v>31</v>
      </c>
      <c r="N123" s="2" t="s">
        <v>49</v>
      </c>
      <c r="O123" s="2" t="s">
        <v>189</v>
      </c>
      <c r="P123" s="2" t="s">
        <v>118</v>
      </c>
      <c r="Q123" s="2" t="s">
        <v>34</v>
      </c>
      <c r="R123" s="2" t="s">
        <v>35</v>
      </c>
      <c r="S123" s="2" t="s">
        <v>1275</v>
      </c>
      <c r="T123" s="2" t="s">
        <v>34</v>
      </c>
      <c r="U123" s="2" t="s">
        <v>34</v>
      </c>
      <c r="V123" s="2" t="s">
        <v>34</v>
      </c>
    </row>
    <row r="124" spans="1:22" x14ac:dyDescent="0.25">
      <c r="A124" s="2" t="s">
        <v>843</v>
      </c>
      <c r="B124" s="3" t="s">
        <v>370</v>
      </c>
      <c r="C124" s="2" t="s">
        <v>371</v>
      </c>
      <c r="D124" s="4" t="s">
        <v>1276</v>
      </c>
      <c r="E124" s="2" t="s">
        <v>935</v>
      </c>
      <c r="F124" s="2" t="s">
        <v>1277</v>
      </c>
      <c r="G124" s="2" t="s">
        <v>331</v>
      </c>
      <c r="H124" s="2" t="s">
        <v>86</v>
      </c>
      <c r="I124" s="2" t="s">
        <v>34</v>
      </c>
      <c r="J124" s="2" t="s">
        <v>1278</v>
      </c>
      <c r="K124" s="2" t="s">
        <v>29</v>
      </c>
      <c r="L124" s="2" t="s">
        <v>30</v>
      </c>
      <c r="M124" s="2" t="s">
        <v>31</v>
      </c>
      <c r="N124" s="2" t="s">
        <v>49</v>
      </c>
      <c r="O124" s="2" t="s">
        <v>189</v>
      </c>
      <c r="P124" s="2" t="s">
        <v>118</v>
      </c>
      <c r="Q124" s="2" t="s">
        <v>34</v>
      </c>
      <c r="R124" s="2" t="s">
        <v>35</v>
      </c>
      <c r="S124" s="2" t="s">
        <v>1279</v>
      </c>
      <c r="T124" s="2" t="s">
        <v>34</v>
      </c>
      <c r="U124" s="2" t="s">
        <v>34</v>
      </c>
      <c r="V124" s="2" t="s">
        <v>34</v>
      </c>
    </row>
    <row r="125" spans="1:22" x14ac:dyDescent="0.25">
      <c r="A125" s="2" t="s">
        <v>843</v>
      </c>
      <c r="B125" s="3" t="s">
        <v>370</v>
      </c>
      <c r="C125" s="2" t="s">
        <v>371</v>
      </c>
      <c r="D125" s="4" t="s">
        <v>227</v>
      </c>
      <c r="E125" s="2" t="s">
        <v>1280</v>
      </c>
      <c r="F125" s="2" t="s">
        <v>1281</v>
      </c>
      <c r="G125" s="2" t="s">
        <v>324</v>
      </c>
      <c r="H125" s="2" t="s">
        <v>27</v>
      </c>
      <c r="I125" s="2" t="s">
        <v>34</v>
      </c>
      <c r="J125" s="2" t="s">
        <v>1282</v>
      </c>
      <c r="K125" s="2" t="s">
        <v>29</v>
      </c>
      <c r="L125" s="2" t="s">
        <v>30</v>
      </c>
      <c r="M125" s="2" t="s">
        <v>1131</v>
      </c>
      <c r="N125" s="2" t="s">
        <v>183</v>
      </c>
      <c r="O125" s="2" t="s">
        <v>189</v>
      </c>
      <c r="P125" s="2" t="s">
        <v>34</v>
      </c>
      <c r="Q125" s="2" t="s">
        <v>34</v>
      </c>
      <c r="R125" s="2" t="s">
        <v>35</v>
      </c>
      <c r="S125" s="2" t="s">
        <v>1283</v>
      </c>
      <c r="T125" s="2" t="s">
        <v>34</v>
      </c>
      <c r="U125" s="2" t="s">
        <v>34</v>
      </c>
      <c r="V125" s="2" t="s">
        <v>34</v>
      </c>
    </row>
    <row r="126" spans="1:22" x14ac:dyDescent="0.25">
      <c r="A126" s="2" t="s">
        <v>843</v>
      </c>
      <c r="B126" s="3" t="s">
        <v>370</v>
      </c>
      <c r="C126" s="2" t="s">
        <v>371</v>
      </c>
      <c r="D126" s="4" t="s">
        <v>509</v>
      </c>
      <c r="E126" s="2" t="s">
        <v>1280</v>
      </c>
      <c r="F126" s="2" t="s">
        <v>1284</v>
      </c>
      <c r="G126" s="2" t="s">
        <v>449</v>
      </c>
      <c r="H126" s="2" t="s">
        <v>27</v>
      </c>
      <c r="I126" s="2" t="s">
        <v>34</v>
      </c>
      <c r="J126" s="2" t="s">
        <v>1285</v>
      </c>
      <c r="K126" s="2" t="s">
        <v>29</v>
      </c>
      <c r="L126" s="2" t="s">
        <v>30</v>
      </c>
      <c r="M126" s="2" t="s">
        <v>1131</v>
      </c>
      <c r="N126" s="2" t="s">
        <v>183</v>
      </c>
      <c r="O126" s="2" t="s">
        <v>189</v>
      </c>
      <c r="P126" s="2" t="s">
        <v>34</v>
      </c>
      <c r="Q126" s="2" t="s">
        <v>34</v>
      </c>
      <c r="R126" s="2" t="s">
        <v>35</v>
      </c>
      <c r="S126" s="2" t="s">
        <v>1286</v>
      </c>
      <c r="T126" s="2" t="s">
        <v>34</v>
      </c>
      <c r="U126" s="2" t="s">
        <v>34</v>
      </c>
      <c r="V126" s="2" t="s">
        <v>34</v>
      </c>
    </row>
    <row r="127" spans="1:22" x14ac:dyDescent="0.25">
      <c r="A127" s="2" t="s">
        <v>843</v>
      </c>
      <c r="B127" s="3" t="s">
        <v>370</v>
      </c>
      <c r="C127" s="2" t="s">
        <v>371</v>
      </c>
      <c r="D127" s="4" t="s">
        <v>1287</v>
      </c>
      <c r="E127" s="2" t="s">
        <v>853</v>
      </c>
      <c r="F127" s="2" t="s">
        <v>944</v>
      </c>
      <c r="G127" s="2" t="s">
        <v>80</v>
      </c>
      <c r="H127" s="2" t="s">
        <v>27</v>
      </c>
      <c r="I127" s="2" t="s">
        <v>861</v>
      </c>
      <c r="J127" s="2" t="s">
        <v>945</v>
      </c>
      <c r="K127" s="2" t="s">
        <v>29</v>
      </c>
      <c r="L127" s="2" t="s">
        <v>30</v>
      </c>
      <c r="M127" s="2" t="s">
        <v>116</v>
      </c>
      <c r="N127" s="2" t="s">
        <v>525</v>
      </c>
      <c r="O127" s="2" t="s">
        <v>189</v>
      </c>
      <c r="P127" s="2" t="s">
        <v>34</v>
      </c>
      <c r="Q127" s="2" t="s">
        <v>34</v>
      </c>
      <c r="R127" s="2" t="s">
        <v>35</v>
      </c>
      <c r="S127" s="2" t="s">
        <v>946</v>
      </c>
      <c r="T127" s="2" t="s">
        <v>34</v>
      </c>
      <c r="U127" s="2" t="s">
        <v>34</v>
      </c>
      <c r="V127" s="2" t="s">
        <v>34</v>
      </c>
    </row>
    <row r="128" spans="1:22" x14ac:dyDescent="0.25">
      <c r="A128" s="2" t="s">
        <v>843</v>
      </c>
      <c r="B128" s="3" t="s">
        <v>370</v>
      </c>
      <c r="C128" s="2" t="s">
        <v>371</v>
      </c>
      <c r="D128" s="4" t="s">
        <v>1120</v>
      </c>
      <c r="E128" s="2" t="s">
        <v>853</v>
      </c>
      <c r="F128" s="2" t="s">
        <v>948</v>
      </c>
      <c r="G128" s="2" t="s">
        <v>480</v>
      </c>
      <c r="H128" s="2" t="s">
        <v>27</v>
      </c>
      <c r="I128" s="2" t="s">
        <v>861</v>
      </c>
      <c r="J128" s="2" t="s">
        <v>949</v>
      </c>
      <c r="K128" s="2" t="s">
        <v>29</v>
      </c>
      <c r="L128" s="2" t="s">
        <v>30</v>
      </c>
      <c r="M128" s="2" t="s">
        <v>116</v>
      </c>
      <c r="N128" s="2" t="s">
        <v>525</v>
      </c>
      <c r="O128" s="2" t="s">
        <v>189</v>
      </c>
      <c r="P128" s="2" t="s">
        <v>118</v>
      </c>
      <c r="Q128" s="2" t="s">
        <v>34</v>
      </c>
      <c r="R128" s="2" t="s">
        <v>35</v>
      </c>
      <c r="S128" s="2" t="s">
        <v>950</v>
      </c>
      <c r="T128" s="2" t="s">
        <v>34</v>
      </c>
      <c r="U128" s="2" t="s">
        <v>34</v>
      </c>
      <c r="V128" s="2" t="s">
        <v>34</v>
      </c>
    </row>
    <row r="129" spans="1:22" x14ac:dyDescent="0.25">
      <c r="A129" s="2" t="s">
        <v>843</v>
      </c>
      <c r="B129" s="3" t="s">
        <v>370</v>
      </c>
      <c r="C129" s="2" t="s">
        <v>371</v>
      </c>
      <c r="D129" s="4" t="s">
        <v>244</v>
      </c>
      <c r="E129" s="2" t="s">
        <v>914</v>
      </c>
      <c r="F129" s="2" t="s">
        <v>1288</v>
      </c>
      <c r="G129" s="2" t="s">
        <v>181</v>
      </c>
      <c r="H129" s="2" t="s">
        <v>27</v>
      </c>
      <c r="I129" s="2" t="s">
        <v>1137</v>
      </c>
      <c r="J129" s="2" t="s">
        <v>1289</v>
      </c>
      <c r="K129" s="2" t="s">
        <v>29</v>
      </c>
      <c r="L129" s="2" t="s">
        <v>30</v>
      </c>
      <c r="M129" s="2" t="s">
        <v>31</v>
      </c>
      <c r="N129" s="2" t="s">
        <v>183</v>
      </c>
      <c r="O129" s="2" t="s">
        <v>189</v>
      </c>
      <c r="P129" s="2" t="s">
        <v>118</v>
      </c>
      <c r="Q129" s="2" t="s">
        <v>34</v>
      </c>
      <c r="R129" s="2" t="s">
        <v>35</v>
      </c>
      <c r="S129" s="2" t="s">
        <v>1290</v>
      </c>
      <c r="T129" s="2" t="s">
        <v>34</v>
      </c>
      <c r="U129" s="2" t="s">
        <v>34</v>
      </c>
      <c r="V129" s="2" t="s">
        <v>34</v>
      </c>
    </row>
    <row r="130" spans="1:22" x14ac:dyDescent="0.25">
      <c r="A130" s="2" t="s">
        <v>843</v>
      </c>
      <c r="B130" s="3" t="s">
        <v>370</v>
      </c>
      <c r="C130" s="2" t="s">
        <v>371</v>
      </c>
      <c r="D130" s="4" t="s">
        <v>1291</v>
      </c>
      <c r="E130" s="2" t="s">
        <v>914</v>
      </c>
      <c r="F130" s="2" t="s">
        <v>1292</v>
      </c>
      <c r="G130" s="2" t="s">
        <v>449</v>
      </c>
      <c r="H130" s="2" t="s">
        <v>27</v>
      </c>
      <c r="I130" s="2" t="s">
        <v>1141</v>
      </c>
      <c r="J130" s="2" t="s">
        <v>1293</v>
      </c>
      <c r="K130" s="2" t="s">
        <v>29</v>
      </c>
      <c r="L130" s="2" t="s">
        <v>30</v>
      </c>
      <c r="M130" s="2" t="s">
        <v>31</v>
      </c>
      <c r="N130" s="2" t="s">
        <v>183</v>
      </c>
      <c r="O130" s="2" t="s">
        <v>189</v>
      </c>
      <c r="P130" s="2" t="s">
        <v>118</v>
      </c>
      <c r="Q130" s="2" t="s">
        <v>34</v>
      </c>
      <c r="R130" s="2" t="s">
        <v>35</v>
      </c>
      <c r="S130" s="2" t="s">
        <v>1294</v>
      </c>
      <c r="T130" s="2" t="s">
        <v>34</v>
      </c>
      <c r="U130" s="2" t="s">
        <v>34</v>
      </c>
      <c r="V130" s="2" t="s">
        <v>34</v>
      </c>
    </row>
    <row r="131" spans="1:22" x14ac:dyDescent="0.25">
      <c r="A131" s="2" t="s">
        <v>843</v>
      </c>
      <c r="B131" s="3" t="s">
        <v>370</v>
      </c>
      <c r="C131" s="2" t="s">
        <v>371</v>
      </c>
      <c r="D131" s="4" t="s">
        <v>1295</v>
      </c>
      <c r="E131" s="2" t="s">
        <v>1128</v>
      </c>
      <c r="F131" s="2" t="s">
        <v>1296</v>
      </c>
      <c r="G131" s="2" t="s">
        <v>45</v>
      </c>
      <c r="H131" s="2" t="s">
        <v>45</v>
      </c>
      <c r="I131" s="2" t="s">
        <v>34</v>
      </c>
      <c r="J131" s="2" t="s">
        <v>1297</v>
      </c>
      <c r="K131" s="2" t="s">
        <v>29</v>
      </c>
      <c r="L131" s="2" t="s">
        <v>30</v>
      </c>
      <c r="M131" s="2" t="s">
        <v>1131</v>
      </c>
      <c r="N131" s="2" t="s">
        <v>183</v>
      </c>
      <c r="O131" s="2" t="s">
        <v>189</v>
      </c>
      <c r="P131" s="2" t="s">
        <v>118</v>
      </c>
      <c r="Q131" s="2" t="s">
        <v>34</v>
      </c>
      <c r="R131" s="2" t="s">
        <v>35</v>
      </c>
      <c r="S131" s="2" t="s">
        <v>1298</v>
      </c>
      <c r="T131" s="2" t="s">
        <v>34</v>
      </c>
      <c r="U131" s="2" t="s">
        <v>34</v>
      </c>
      <c r="V131" s="2" t="s">
        <v>1072</v>
      </c>
    </row>
    <row r="132" spans="1:22" x14ac:dyDescent="0.25">
      <c r="A132" s="2" t="s">
        <v>843</v>
      </c>
      <c r="B132" s="3" t="s">
        <v>370</v>
      </c>
      <c r="C132" s="2" t="s">
        <v>371</v>
      </c>
      <c r="D132" s="4" t="s">
        <v>1299</v>
      </c>
      <c r="E132" s="2" t="s">
        <v>1128</v>
      </c>
      <c r="F132" s="2" t="s">
        <v>1300</v>
      </c>
      <c r="G132" s="2" t="s">
        <v>27</v>
      </c>
      <c r="H132" s="2" t="s">
        <v>45</v>
      </c>
      <c r="I132" s="2" t="s">
        <v>34</v>
      </c>
      <c r="J132" s="2" t="s">
        <v>1301</v>
      </c>
      <c r="K132" s="2" t="s">
        <v>29</v>
      </c>
      <c r="L132" s="2" t="s">
        <v>30</v>
      </c>
      <c r="M132" s="2" t="s">
        <v>1131</v>
      </c>
      <c r="N132" s="2" t="s">
        <v>183</v>
      </c>
      <c r="O132" s="2" t="s">
        <v>189</v>
      </c>
      <c r="P132" s="2" t="s">
        <v>118</v>
      </c>
      <c r="Q132" s="2" t="s">
        <v>34</v>
      </c>
      <c r="R132" s="2" t="s">
        <v>35</v>
      </c>
      <c r="S132" s="2" t="s">
        <v>1302</v>
      </c>
      <c r="T132" s="2" t="s">
        <v>34</v>
      </c>
      <c r="U132" s="2" t="s">
        <v>34</v>
      </c>
      <c r="V132" s="2" t="s">
        <v>1072</v>
      </c>
    </row>
    <row r="133" spans="1:22" x14ac:dyDescent="0.25">
      <c r="A133" s="2" t="s">
        <v>843</v>
      </c>
      <c r="B133" s="3" t="s">
        <v>370</v>
      </c>
      <c r="C133" s="2" t="s">
        <v>371</v>
      </c>
      <c r="D133" s="4" t="s">
        <v>259</v>
      </c>
      <c r="E133" s="2" t="s">
        <v>1303</v>
      </c>
      <c r="F133" s="2" t="s">
        <v>1304</v>
      </c>
      <c r="G133" s="2" t="s">
        <v>1305</v>
      </c>
      <c r="H133" s="2" t="s">
        <v>27</v>
      </c>
      <c r="I133" s="2" t="s">
        <v>1306</v>
      </c>
      <c r="J133" s="2" t="s">
        <v>1307</v>
      </c>
      <c r="K133" s="2" t="s">
        <v>29</v>
      </c>
      <c r="L133" s="2" t="s">
        <v>895</v>
      </c>
      <c r="M133" s="2" t="s">
        <v>1308</v>
      </c>
      <c r="N133" s="2" t="s">
        <v>1309</v>
      </c>
      <c r="O133" s="2" t="s">
        <v>1310</v>
      </c>
      <c r="P133" s="2" t="s">
        <v>118</v>
      </c>
      <c r="Q133" s="2" t="s">
        <v>857</v>
      </c>
      <c r="R133" s="2" t="s">
        <v>35</v>
      </c>
      <c r="S133" s="2" t="s">
        <v>1311</v>
      </c>
      <c r="T133" s="2" t="s">
        <v>34</v>
      </c>
      <c r="U133" s="2" t="s">
        <v>34</v>
      </c>
      <c r="V133" s="2" t="s">
        <v>34</v>
      </c>
    </row>
    <row r="134" spans="1:22" x14ac:dyDescent="0.25">
      <c r="A134" s="2"/>
      <c r="B134" s="3"/>
      <c r="C134" s="2"/>
      <c r="D134" s="4"/>
      <c r="E134" s="5" t="s">
        <v>1000</v>
      </c>
      <c r="F134" s="2"/>
      <c r="G134" s="2"/>
      <c r="H134" s="2"/>
      <c r="I134" s="2"/>
      <c r="J134" s="2"/>
      <c r="K134" s="2"/>
      <c r="L134" s="2"/>
      <c r="M134" s="2"/>
      <c r="N134" s="2"/>
      <c r="O134" s="2"/>
      <c r="P134" s="2"/>
      <c r="Q134" s="2"/>
      <c r="R134" s="2"/>
      <c r="S134" s="2"/>
      <c r="T134" s="2"/>
      <c r="U134" s="2"/>
      <c r="V134" s="2"/>
    </row>
    <row r="135" spans="1:22" x14ac:dyDescent="0.25">
      <c r="A135" s="2"/>
      <c r="B135" s="3"/>
      <c r="C135" s="2"/>
      <c r="D135" s="4"/>
      <c r="E135" s="2"/>
      <c r="F135" s="2"/>
      <c r="G135" s="2"/>
      <c r="H135" s="2"/>
      <c r="I135" s="2"/>
      <c r="J135" s="2"/>
      <c r="K135" s="2"/>
      <c r="L135" s="2"/>
      <c r="M135" s="2"/>
      <c r="N135" s="2"/>
      <c r="O135" s="2"/>
      <c r="P135" s="2"/>
      <c r="Q135" s="2"/>
      <c r="R135" s="2"/>
      <c r="S135" s="2"/>
      <c r="T135" s="2"/>
      <c r="U135" s="2"/>
      <c r="V135" s="2"/>
    </row>
    <row r="136" spans="1:22" x14ac:dyDescent="0.25">
      <c r="A136" s="2" t="s">
        <v>843</v>
      </c>
      <c r="B136" s="3" t="s">
        <v>528</v>
      </c>
      <c r="C136" s="2" t="s">
        <v>529</v>
      </c>
      <c r="D136" s="4" t="s">
        <v>24</v>
      </c>
      <c r="E136" s="2" t="s">
        <v>935</v>
      </c>
      <c r="F136" s="2" t="s">
        <v>1312</v>
      </c>
      <c r="G136" s="2" t="s">
        <v>133</v>
      </c>
      <c r="H136" s="2" t="s">
        <v>45</v>
      </c>
      <c r="I136" s="2" t="s">
        <v>1313</v>
      </c>
      <c r="J136" s="2" t="s">
        <v>1314</v>
      </c>
      <c r="K136" s="2" t="s">
        <v>29</v>
      </c>
      <c r="L136" s="2" t="s">
        <v>30</v>
      </c>
      <c r="M136" s="2" t="s">
        <v>31</v>
      </c>
      <c r="N136" s="2" t="s">
        <v>525</v>
      </c>
      <c r="O136" s="2" t="s">
        <v>189</v>
      </c>
      <c r="P136" s="2" t="s">
        <v>34</v>
      </c>
      <c r="Q136" s="2" t="s">
        <v>34</v>
      </c>
      <c r="R136" s="2" t="s">
        <v>35</v>
      </c>
      <c r="S136" s="2" t="s">
        <v>1315</v>
      </c>
      <c r="T136" s="2" t="s">
        <v>34</v>
      </c>
      <c r="U136" s="2" t="s">
        <v>34</v>
      </c>
      <c r="V136" s="2" t="s">
        <v>34</v>
      </c>
    </row>
    <row r="137" spans="1:22" x14ac:dyDescent="0.25">
      <c r="A137" s="2" t="s">
        <v>843</v>
      </c>
      <c r="B137" s="3" t="s">
        <v>528</v>
      </c>
      <c r="C137" s="2" t="s">
        <v>529</v>
      </c>
      <c r="D137" s="4" t="s">
        <v>849</v>
      </c>
      <c r="E137" s="2" t="s">
        <v>935</v>
      </c>
      <c r="F137" s="2" t="s">
        <v>1316</v>
      </c>
      <c r="G137" s="2" t="s">
        <v>101</v>
      </c>
      <c r="H137" s="2" t="s">
        <v>45</v>
      </c>
      <c r="I137" s="2" t="s">
        <v>1317</v>
      </c>
      <c r="J137" s="2" t="s">
        <v>1318</v>
      </c>
      <c r="K137" s="2" t="s">
        <v>29</v>
      </c>
      <c r="L137" s="2" t="s">
        <v>30</v>
      </c>
      <c r="M137" s="2" t="s">
        <v>31</v>
      </c>
      <c r="N137" s="2" t="s">
        <v>525</v>
      </c>
      <c r="O137" s="2" t="s">
        <v>189</v>
      </c>
      <c r="P137" s="2" t="s">
        <v>34</v>
      </c>
      <c r="Q137" s="2" t="s">
        <v>34</v>
      </c>
      <c r="R137" s="2" t="s">
        <v>35</v>
      </c>
      <c r="S137" s="2" t="s">
        <v>1319</v>
      </c>
      <c r="T137" s="2" t="s">
        <v>34</v>
      </c>
      <c r="U137" s="2" t="s">
        <v>34</v>
      </c>
      <c r="V137" s="2" t="s">
        <v>34</v>
      </c>
    </row>
    <row r="138" spans="1:22" x14ac:dyDescent="0.25">
      <c r="A138" s="2" t="s">
        <v>843</v>
      </c>
      <c r="B138" s="3" t="s">
        <v>528</v>
      </c>
      <c r="C138" s="2" t="s">
        <v>529</v>
      </c>
      <c r="D138" s="4" t="s">
        <v>1152</v>
      </c>
      <c r="E138" s="2" t="s">
        <v>853</v>
      </c>
      <c r="F138" s="2" t="s">
        <v>1260</v>
      </c>
      <c r="G138" s="2" t="s">
        <v>235</v>
      </c>
      <c r="H138" s="2" t="s">
        <v>86</v>
      </c>
      <c r="I138" s="2" t="s">
        <v>861</v>
      </c>
      <c r="J138" s="2" t="s">
        <v>1261</v>
      </c>
      <c r="K138" s="2" t="s">
        <v>29</v>
      </c>
      <c r="L138" s="2" t="s">
        <v>30</v>
      </c>
      <c r="M138" s="2" t="s">
        <v>116</v>
      </c>
      <c r="N138" s="2" t="s">
        <v>183</v>
      </c>
      <c r="O138" s="2" t="s">
        <v>189</v>
      </c>
      <c r="P138" s="2" t="s">
        <v>118</v>
      </c>
      <c r="Q138" s="2" t="s">
        <v>34</v>
      </c>
      <c r="R138" s="2" t="s">
        <v>35</v>
      </c>
      <c r="S138" s="2" t="s">
        <v>1262</v>
      </c>
      <c r="T138" s="2" t="s">
        <v>34</v>
      </c>
      <c r="U138" s="2" t="s">
        <v>34</v>
      </c>
      <c r="V138" s="2" t="s">
        <v>34</v>
      </c>
    </row>
    <row r="139" spans="1:22" x14ac:dyDescent="0.25">
      <c r="A139" s="2" t="s">
        <v>843</v>
      </c>
      <c r="B139" s="3" t="s">
        <v>528</v>
      </c>
      <c r="C139" s="2" t="s">
        <v>529</v>
      </c>
      <c r="D139" s="4" t="s">
        <v>52</v>
      </c>
      <c r="E139" s="2" t="s">
        <v>853</v>
      </c>
      <c r="F139" s="2" t="s">
        <v>1049</v>
      </c>
      <c r="G139" s="2" t="s">
        <v>95</v>
      </c>
      <c r="H139" s="2" t="s">
        <v>86</v>
      </c>
      <c r="I139" s="2" t="s">
        <v>861</v>
      </c>
      <c r="J139" s="2" t="s">
        <v>1050</v>
      </c>
      <c r="K139" s="2" t="s">
        <v>29</v>
      </c>
      <c r="L139" s="2" t="s">
        <v>30</v>
      </c>
      <c r="M139" s="2" t="s">
        <v>116</v>
      </c>
      <c r="N139" s="2" t="s">
        <v>183</v>
      </c>
      <c r="O139" s="2" t="s">
        <v>189</v>
      </c>
      <c r="P139" s="2" t="s">
        <v>118</v>
      </c>
      <c r="Q139" s="2" t="s">
        <v>34</v>
      </c>
      <c r="R139" s="2" t="s">
        <v>35</v>
      </c>
      <c r="S139" s="2" t="s">
        <v>1051</v>
      </c>
      <c r="T139" s="2" t="s">
        <v>34</v>
      </c>
      <c r="U139" s="2" t="s">
        <v>34</v>
      </c>
      <c r="V139" s="2" t="s">
        <v>34</v>
      </c>
    </row>
    <row r="140" spans="1:22" x14ac:dyDescent="0.25">
      <c r="A140" s="2" t="s">
        <v>843</v>
      </c>
      <c r="B140" s="3" t="s">
        <v>528</v>
      </c>
      <c r="C140" s="2" t="s">
        <v>529</v>
      </c>
      <c r="D140" s="4" t="s">
        <v>1159</v>
      </c>
      <c r="E140" s="2" t="s">
        <v>853</v>
      </c>
      <c r="F140" s="2" t="s">
        <v>1053</v>
      </c>
      <c r="G140" s="2" t="s">
        <v>290</v>
      </c>
      <c r="H140" s="2" t="s">
        <v>86</v>
      </c>
      <c r="I140" s="2" t="s">
        <v>861</v>
      </c>
      <c r="J140" s="2" t="s">
        <v>1054</v>
      </c>
      <c r="K140" s="2" t="s">
        <v>29</v>
      </c>
      <c r="L140" s="2" t="s">
        <v>30</v>
      </c>
      <c r="M140" s="2" t="s">
        <v>116</v>
      </c>
      <c r="N140" s="2" t="s">
        <v>183</v>
      </c>
      <c r="O140" s="2" t="s">
        <v>189</v>
      </c>
      <c r="P140" s="2" t="s">
        <v>118</v>
      </c>
      <c r="Q140" s="2" t="s">
        <v>34</v>
      </c>
      <c r="R140" s="2" t="s">
        <v>35</v>
      </c>
      <c r="S140" s="2" t="s">
        <v>1055</v>
      </c>
      <c r="T140" s="2" t="s">
        <v>34</v>
      </c>
      <c r="U140" s="2" t="s">
        <v>34</v>
      </c>
      <c r="V140" s="2" t="s">
        <v>34</v>
      </c>
    </row>
    <row r="141" spans="1:22" x14ac:dyDescent="0.25">
      <c r="A141" s="2" t="s">
        <v>843</v>
      </c>
      <c r="B141" s="3" t="s">
        <v>528</v>
      </c>
      <c r="C141" s="2" t="s">
        <v>529</v>
      </c>
      <c r="D141" s="4" t="s">
        <v>78</v>
      </c>
      <c r="E141" s="2" t="s">
        <v>897</v>
      </c>
      <c r="F141" s="2" t="s">
        <v>1320</v>
      </c>
      <c r="G141" s="2" t="s">
        <v>86</v>
      </c>
      <c r="H141" s="2" t="s">
        <v>45</v>
      </c>
      <c r="I141" s="2" t="s">
        <v>899</v>
      </c>
      <c r="J141" s="2" t="s">
        <v>1321</v>
      </c>
      <c r="K141" s="2" t="s">
        <v>29</v>
      </c>
      <c r="L141" s="2" t="s">
        <v>30</v>
      </c>
      <c r="M141" s="2" t="s">
        <v>31</v>
      </c>
      <c r="N141" s="2" t="s">
        <v>183</v>
      </c>
      <c r="O141" s="2" t="s">
        <v>189</v>
      </c>
      <c r="P141" s="2" t="s">
        <v>34</v>
      </c>
      <c r="Q141" s="2" t="s">
        <v>34</v>
      </c>
      <c r="R141" s="2" t="s">
        <v>35</v>
      </c>
      <c r="S141" s="2" t="s">
        <v>1322</v>
      </c>
      <c r="T141" s="2" t="s">
        <v>34</v>
      </c>
      <c r="U141" s="2" t="s">
        <v>34</v>
      </c>
      <c r="V141" s="2" t="s">
        <v>34</v>
      </c>
    </row>
    <row r="142" spans="1:22" x14ac:dyDescent="0.25">
      <c r="A142" s="2" t="s">
        <v>843</v>
      </c>
      <c r="B142" s="3" t="s">
        <v>528</v>
      </c>
      <c r="C142" s="2" t="s">
        <v>529</v>
      </c>
      <c r="D142" s="4" t="s">
        <v>1166</v>
      </c>
      <c r="E142" s="2" t="s">
        <v>897</v>
      </c>
      <c r="F142" s="2" t="s">
        <v>1323</v>
      </c>
      <c r="G142" s="2" t="s">
        <v>133</v>
      </c>
      <c r="H142" s="2" t="s">
        <v>45</v>
      </c>
      <c r="I142" s="2" t="s">
        <v>899</v>
      </c>
      <c r="J142" s="2" t="s">
        <v>1324</v>
      </c>
      <c r="K142" s="2" t="s">
        <v>29</v>
      </c>
      <c r="L142" s="2" t="s">
        <v>30</v>
      </c>
      <c r="M142" s="2" t="s">
        <v>31</v>
      </c>
      <c r="N142" s="2" t="s">
        <v>183</v>
      </c>
      <c r="O142" s="2" t="s">
        <v>189</v>
      </c>
      <c r="P142" s="2" t="s">
        <v>34</v>
      </c>
      <c r="Q142" s="2" t="s">
        <v>34</v>
      </c>
      <c r="R142" s="2" t="s">
        <v>35</v>
      </c>
      <c r="S142" s="2" t="s">
        <v>1325</v>
      </c>
      <c r="T142" s="2" t="s">
        <v>34</v>
      </c>
      <c r="U142" s="2" t="s">
        <v>34</v>
      </c>
      <c r="V142" s="2" t="s">
        <v>34</v>
      </c>
    </row>
    <row r="143" spans="1:22" x14ac:dyDescent="0.25">
      <c r="A143" s="2" t="s">
        <v>843</v>
      </c>
      <c r="B143" s="3" t="s">
        <v>528</v>
      </c>
      <c r="C143" s="2" t="s">
        <v>529</v>
      </c>
      <c r="D143" s="4" t="s">
        <v>1170</v>
      </c>
      <c r="E143" s="2" t="s">
        <v>1171</v>
      </c>
      <c r="F143" s="2" t="s">
        <v>1326</v>
      </c>
      <c r="G143" s="2" t="s">
        <v>152</v>
      </c>
      <c r="H143" s="2" t="s">
        <v>45</v>
      </c>
      <c r="I143" s="2" t="s">
        <v>1327</v>
      </c>
      <c r="J143" s="2" t="s">
        <v>1328</v>
      </c>
      <c r="K143" s="2" t="s">
        <v>29</v>
      </c>
      <c r="L143" s="2" t="s">
        <v>30</v>
      </c>
      <c r="M143" s="2" t="s">
        <v>116</v>
      </c>
      <c r="N143" s="2" t="s">
        <v>104</v>
      </c>
      <c r="O143" s="2" t="s">
        <v>189</v>
      </c>
      <c r="P143" s="2" t="s">
        <v>34</v>
      </c>
      <c r="Q143" s="2" t="s">
        <v>34</v>
      </c>
      <c r="R143" s="2" t="s">
        <v>35</v>
      </c>
      <c r="S143" s="2" t="s">
        <v>1329</v>
      </c>
      <c r="T143" s="2" t="s">
        <v>34</v>
      </c>
      <c r="U143" s="2" t="s">
        <v>34</v>
      </c>
      <c r="V143" s="2" t="s">
        <v>34</v>
      </c>
    </row>
    <row r="144" spans="1:22" x14ac:dyDescent="0.25">
      <c r="A144" s="2" t="s">
        <v>843</v>
      </c>
      <c r="B144" s="3" t="s">
        <v>528</v>
      </c>
      <c r="C144" s="2" t="s">
        <v>529</v>
      </c>
      <c r="D144" s="4" t="s">
        <v>1176</v>
      </c>
      <c r="E144" s="2" t="s">
        <v>1171</v>
      </c>
      <c r="F144" s="2" t="s">
        <v>1330</v>
      </c>
      <c r="G144" s="2" t="s">
        <v>157</v>
      </c>
      <c r="H144" s="2" t="s">
        <v>45</v>
      </c>
      <c r="I144" s="2" t="s">
        <v>1331</v>
      </c>
      <c r="J144" s="2" t="s">
        <v>1332</v>
      </c>
      <c r="K144" s="2" t="s">
        <v>29</v>
      </c>
      <c r="L144" s="2" t="s">
        <v>30</v>
      </c>
      <c r="M144" s="2" t="s">
        <v>116</v>
      </c>
      <c r="N144" s="2" t="s">
        <v>104</v>
      </c>
      <c r="O144" s="2" t="s">
        <v>189</v>
      </c>
      <c r="P144" s="2" t="s">
        <v>34</v>
      </c>
      <c r="Q144" s="2" t="s">
        <v>34</v>
      </c>
      <c r="R144" s="2" t="s">
        <v>35</v>
      </c>
      <c r="S144" s="2" t="s">
        <v>1333</v>
      </c>
      <c r="T144" s="2" t="s">
        <v>34</v>
      </c>
      <c r="U144" s="2" t="s">
        <v>34</v>
      </c>
      <c r="V144" s="2" t="s">
        <v>34</v>
      </c>
    </row>
    <row r="145" spans="1:22" x14ac:dyDescent="0.25">
      <c r="A145" s="2" t="s">
        <v>843</v>
      </c>
      <c r="B145" s="3" t="s">
        <v>528</v>
      </c>
      <c r="C145" s="2" t="s">
        <v>529</v>
      </c>
      <c r="D145" s="4" t="s">
        <v>1180</v>
      </c>
      <c r="E145" s="2" t="s">
        <v>935</v>
      </c>
      <c r="F145" s="2" t="s">
        <v>1334</v>
      </c>
      <c r="G145" s="2" t="s">
        <v>458</v>
      </c>
      <c r="H145" s="2" t="s">
        <v>27</v>
      </c>
      <c r="I145" s="2" t="s">
        <v>1029</v>
      </c>
      <c r="J145" s="2" t="s">
        <v>1335</v>
      </c>
      <c r="K145" s="2" t="s">
        <v>29</v>
      </c>
      <c r="L145" s="2" t="s">
        <v>30</v>
      </c>
      <c r="M145" s="2" t="s">
        <v>31</v>
      </c>
      <c r="N145" s="2" t="s">
        <v>104</v>
      </c>
      <c r="O145" s="2" t="s">
        <v>189</v>
      </c>
      <c r="P145" s="2" t="s">
        <v>118</v>
      </c>
      <c r="Q145" s="2" t="s">
        <v>34</v>
      </c>
      <c r="R145" s="2" t="s">
        <v>35</v>
      </c>
      <c r="S145" s="2" t="s">
        <v>1336</v>
      </c>
      <c r="T145" s="2" t="s">
        <v>34</v>
      </c>
      <c r="U145" s="2" t="s">
        <v>34</v>
      </c>
      <c r="V145" s="2" t="s">
        <v>34</v>
      </c>
    </row>
    <row r="146" spans="1:22" x14ac:dyDescent="0.25">
      <c r="A146" s="2" t="s">
        <v>843</v>
      </c>
      <c r="B146" s="3" t="s">
        <v>528</v>
      </c>
      <c r="C146" s="2" t="s">
        <v>529</v>
      </c>
      <c r="D146" s="4" t="s">
        <v>98</v>
      </c>
      <c r="E146" s="2" t="s">
        <v>935</v>
      </c>
      <c r="F146" s="2" t="s">
        <v>1337</v>
      </c>
      <c r="G146" s="2" t="s">
        <v>424</v>
      </c>
      <c r="H146" s="2" t="s">
        <v>27</v>
      </c>
      <c r="I146" s="2" t="s">
        <v>1029</v>
      </c>
      <c r="J146" s="2" t="s">
        <v>1338</v>
      </c>
      <c r="K146" s="2" t="s">
        <v>29</v>
      </c>
      <c r="L146" s="2" t="s">
        <v>30</v>
      </c>
      <c r="M146" s="2" t="s">
        <v>31</v>
      </c>
      <c r="N146" s="2" t="s">
        <v>104</v>
      </c>
      <c r="O146" s="2" t="s">
        <v>189</v>
      </c>
      <c r="P146" s="2" t="s">
        <v>118</v>
      </c>
      <c r="Q146" s="2" t="s">
        <v>34</v>
      </c>
      <c r="R146" s="2" t="s">
        <v>35</v>
      </c>
      <c r="S146" s="2" t="s">
        <v>1339</v>
      </c>
      <c r="T146" s="2" t="s">
        <v>34</v>
      </c>
      <c r="U146" s="2" t="s">
        <v>34</v>
      </c>
      <c r="V146" s="2" t="s">
        <v>34</v>
      </c>
    </row>
    <row r="147" spans="1:22" x14ac:dyDescent="0.25">
      <c r="A147" s="2" t="s">
        <v>843</v>
      </c>
      <c r="B147" s="3" t="s">
        <v>528</v>
      </c>
      <c r="C147" s="2" t="s">
        <v>529</v>
      </c>
      <c r="D147" s="4" t="s">
        <v>1188</v>
      </c>
      <c r="E147" s="2" t="s">
        <v>935</v>
      </c>
      <c r="F147" s="2" t="s">
        <v>1340</v>
      </c>
      <c r="G147" s="2" t="s">
        <v>429</v>
      </c>
      <c r="H147" s="2" t="s">
        <v>27</v>
      </c>
      <c r="I147" s="2" t="s">
        <v>1029</v>
      </c>
      <c r="J147" s="2" t="s">
        <v>1341</v>
      </c>
      <c r="K147" s="2" t="s">
        <v>29</v>
      </c>
      <c r="L147" s="2" t="s">
        <v>30</v>
      </c>
      <c r="M147" s="2" t="s">
        <v>31</v>
      </c>
      <c r="N147" s="2" t="s">
        <v>104</v>
      </c>
      <c r="O147" s="2" t="s">
        <v>189</v>
      </c>
      <c r="P147" s="2" t="s">
        <v>118</v>
      </c>
      <c r="Q147" s="2" t="s">
        <v>34</v>
      </c>
      <c r="R147" s="2" t="s">
        <v>35</v>
      </c>
      <c r="S147" s="2" t="s">
        <v>1342</v>
      </c>
      <c r="T147" s="2" t="s">
        <v>34</v>
      </c>
      <c r="U147" s="2" t="s">
        <v>34</v>
      </c>
      <c r="V147" s="2" t="s">
        <v>34</v>
      </c>
    </row>
    <row r="148" spans="1:22" x14ac:dyDescent="0.25">
      <c r="A148" s="2" t="s">
        <v>843</v>
      </c>
      <c r="B148" s="3" t="s">
        <v>528</v>
      </c>
      <c r="C148" s="2" t="s">
        <v>529</v>
      </c>
      <c r="D148" s="4" t="s">
        <v>1192</v>
      </c>
      <c r="E148" s="2" t="s">
        <v>853</v>
      </c>
      <c r="F148" s="2" t="s">
        <v>860</v>
      </c>
      <c r="G148" s="2" t="s">
        <v>86</v>
      </c>
      <c r="H148" s="2" t="s">
        <v>45</v>
      </c>
      <c r="I148" s="2" t="s">
        <v>861</v>
      </c>
      <c r="J148" s="2" t="s">
        <v>862</v>
      </c>
      <c r="K148" s="2" t="s">
        <v>29</v>
      </c>
      <c r="L148" s="2" t="s">
        <v>30</v>
      </c>
      <c r="M148" s="2" t="s">
        <v>116</v>
      </c>
      <c r="N148" s="2" t="s">
        <v>220</v>
      </c>
      <c r="O148" s="2" t="s">
        <v>189</v>
      </c>
      <c r="P148" s="2" t="s">
        <v>118</v>
      </c>
      <c r="Q148" s="2" t="s">
        <v>857</v>
      </c>
      <c r="R148" s="2" t="s">
        <v>35</v>
      </c>
      <c r="S148" s="2" t="s">
        <v>863</v>
      </c>
      <c r="T148" s="2" t="s">
        <v>34</v>
      </c>
      <c r="U148" s="2" t="s">
        <v>34</v>
      </c>
      <c r="V148" s="2" t="s">
        <v>34</v>
      </c>
    </row>
    <row r="149" spans="1:22" x14ac:dyDescent="0.25">
      <c r="A149" s="2" t="s">
        <v>843</v>
      </c>
      <c r="B149" s="3" t="s">
        <v>528</v>
      </c>
      <c r="C149" s="2" t="s">
        <v>529</v>
      </c>
      <c r="D149" s="4" t="s">
        <v>1196</v>
      </c>
      <c r="E149" s="2" t="s">
        <v>853</v>
      </c>
      <c r="F149" s="2" t="s">
        <v>1019</v>
      </c>
      <c r="G149" s="2" t="s">
        <v>133</v>
      </c>
      <c r="H149" s="2" t="s">
        <v>45</v>
      </c>
      <c r="I149" s="2" t="s">
        <v>861</v>
      </c>
      <c r="J149" s="2" t="s">
        <v>1020</v>
      </c>
      <c r="K149" s="2" t="s">
        <v>29</v>
      </c>
      <c r="L149" s="2" t="s">
        <v>30</v>
      </c>
      <c r="M149" s="2" t="s">
        <v>116</v>
      </c>
      <c r="N149" s="2" t="s">
        <v>220</v>
      </c>
      <c r="O149" s="2" t="s">
        <v>189</v>
      </c>
      <c r="P149" s="2" t="s">
        <v>118</v>
      </c>
      <c r="Q149" s="2" t="s">
        <v>857</v>
      </c>
      <c r="R149" s="2" t="s">
        <v>35</v>
      </c>
      <c r="S149" s="2" t="s">
        <v>1021</v>
      </c>
      <c r="T149" s="2" t="s">
        <v>34</v>
      </c>
      <c r="U149" s="2" t="s">
        <v>34</v>
      </c>
      <c r="V149" s="2" t="s">
        <v>34</v>
      </c>
    </row>
    <row r="150" spans="1:22" x14ac:dyDescent="0.25">
      <c r="A150" s="2" t="s">
        <v>843</v>
      </c>
      <c r="B150" s="3" t="s">
        <v>528</v>
      </c>
      <c r="C150" s="2" t="s">
        <v>529</v>
      </c>
      <c r="D150" s="4" t="s">
        <v>1197</v>
      </c>
      <c r="E150" s="2" t="s">
        <v>865</v>
      </c>
      <c r="F150" s="2" t="s">
        <v>1343</v>
      </c>
      <c r="G150" s="2" t="s">
        <v>86</v>
      </c>
      <c r="H150" s="2" t="s">
        <v>45</v>
      </c>
      <c r="I150" s="2" t="s">
        <v>34</v>
      </c>
      <c r="J150" s="2" t="s">
        <v>1344</v>
      </c>
      <c r="K150" s="2" t="s">
        <v>29</v>
      </c>
      <c r="L150" s="2" t="s">
        <v>30</v>
      </c>
      <c r="M150" s="2" t="s">
        <v>31</v>
      </c>
      <c r="N150" s="2" t="s">
        <v>183</v>
      </c>
      <c r="O150" s="2" t="s">
        <v>249</v>
      </c>
      <c r="P150" s="2" t="s">
        <v>118</v>
      </c>
      <c r="Q150" s="2" t="s">
        <v>34</v>
      </c>
      <c r="R150" s="2" t="s">
        <v>35</v>
      </c>
      <c r="S150" s="2" t="s">
        <v>1345</v>
      </c>
      <c r="T150" s="2" t="s">
        <v>34</v>
      </c>
      <c r="U150" s="2" t="s">
        <v>34</v>
      </c>
      <c r="V150" s="2" t="s">
        <v>34</v>
      </c>
    </row>
    <row r="151" spans="1:22" x14ac:dyDescent="0.25">
      <c r="A151" s="2" t="s">
        <v>843</v>
      </c>
      <c r="B151" s="3" t="s">
        <v>528</v>
      </c>
      <c r="C151" s="2" t="s">
        <v>529</v>
      </c>
      <c r="D151" s="4" t="s">
        <v>120</v>
      </c>
      <c r="E151" s="2" t="s">
        <v>865</v>
      </c>
      <c r="F151" s="2" t="s">
        <v>1346</v>
      </c>
      <c r="G151" s="2" t="s">
        <v>133</v>
      </c>
      <c r="H151" s="2" t="s">
        <v>45</v>
      </c>
      <c r="I151" s="2" t="s">
        <v>34</v>
      </c>
      <c r="J151" s="2" t="s">
        <v>1347</v>
      </c>
      <c r="K151" s="2" t="s">
        <v>29</v>
      </c>
      <c r="L151" s="2" t="s">
        <v>30</v>
      </c>
      <c r="M151" s="2" t="s">
        <v>31</v>
      </c>
      <c r="N151" s="2" t="s">
        <v>183</v>
      </c>
      <c r="O151" s="2" t="s">
        <v>1348</v>
      </c>
      <c r="P151" s="2" t="s">
        <v>118</v>
      </c>
      <c r="Q151" s="2" t="s">
        <v>34</v>
      </c>
      <c r="R151" s="2" t="s">
        <v>35</v>
      </c>
      <c r="S151" s="2" t="s">
        <v>1349</v>
      </c>
      <c r="T151" s="2" t="s">
        <v>34</v>
      </c>
      <c r="U151" s="2" t="s">
        <v>34</v>
      </c>
      <c r="V151" s="2" t="s">
        <v>34</v>
      </c>
    </row>
    <row r="152" spans="1:22" x14ac:dyDescent="0.25">
      <c r="A152" s="2" t="s">
        <v>843</v>
      </c>
      <c r="B152" s="3" t="s">
        <v>528</v>
      </c>
      <c r="C152" s="2" t="s">
        <v>529</v>
      </c>
      <c r="D152" s="4" t="s">
        <v>1204</v>
      </c>
      <c r="E152" s="2" t="s">
        <v>853</v>
      </c>
      <c r="F152" s="2" t="s">
        <v>1350</v>
      </c>
      <c r="G152" s="2" t="s">
        <v>147</v>
      </c>
      <c r="H152" s="2" t="s">
        <v>45</v>
      </c>
      <c r="I152" s="2" t="s">
        <v>861</v>
      </c>
      <c r="J152" s="2" t="s">
        <v>1351</v>
      </c>
      <c r="K152" s="2" t="s">
        <v>29</v>
      </c>
      <c r="L152" s="2" t="s">
        <v>30</v>
      </c>
      <c r="M152" s="2" t="s">
        <v>116</v>
      </c>
      <c r="N152" s="2" t="s">
        <v>220</v>
      </c>
      <c r="O152" s="2" t="s">
        <v>189</v>
      </c>
      <c r="P152" s="2" t="s">
        <v>118</v>
      </c>
      <c r="Q152" s="2" t="s">
        <v>857</v>
      </c>
      <c r="R152" s="2" t="s">
        <v>35</v>
      </c>
      <c r="S152" s="2" t="s">
        <v>1352</v>
      </c>
      <c r="T152" s="2" t="s">
        <v>34</v>
      </c>
      <c r="U152" s="2" t="s">
        <v>34</v>
      </c>
      <c r="V152" s="2" t="s">
        <v>34</v>
      </c>
    </row>
    <row r="153" spans="1:22" x14ac:dyDescent="0.25">
      <c r="A153" s="2" t="s">
        <v>843</v>
      </c>
      <c r="B153" s="3" t="s">
        <v>528</v>
      </c>
      <c r="C153" s="2" t="s">
        <v>529</v>
      </c>
      <c r="D153" s="4" t="s">
        <v>138</v>
      </c>
      <c r="E153" s="2" t="s">
        <v>853</v>
      </c>
      <c r="F153" s="2" t="s">
        <v>1353</v>
      </c>
      <c r="G153" s="2" t="s">
        <v>152</v>
      </c>
      <c r="H153" s="2" t="s">
        <v>45</v>
      </c>
      <c r="I153" s="2" t="s">
        <v>861</v>
      </c>
      <c r="J153" s="2" t="s">
        <v>1354</v>
      </c>
      <c r="K153" s="2" t="s">
        <v>29</v>
      </c>
      <c r="L153" s="2" t="s">
        <v>30</v>
      </c>
      <c r="M153" s="2" t="s">
        <v>116</v>
      </c>
      <c r="N153" s="2" t="s">
        <v>220</v>
      </c>
      <c r="O153" s="2" t="s">
        <v>189</v>
      </c>
      <c r="P153" s="2" t="s">
        <v>118</v>
      </c>
      <c r="Q153" s="2" t="s">
        <v>857</v>
      </c>
      <c r="R153" s="2" t="s">
        <v>35</v>
      </c>
      <c r="S153" s="2" t="s">
        <v>1355</v>
      </c>
      <c r="T153" s="2" t="s">
        <v>34</v>
      </c>
      <c r="U153" s="2" t="s">
        <v>34</v>
      </c>
      <c r="V153" s="2" t="s">
        <v>34</v>
      </c>
    </row>
    <row r="154" spans="1:22" x14ac:dyDescent="0.25">
      <c r="A154" s="2" t="s">
        <v>843</v>
      </c>
      <c r="B154" s="3" t="s">
        <v>528</v>
      </c>
      <c r="C154" s="2" t="s">
        <v>529</v>
      </c>
      <c r="D154" s="4" t="s">
        <v>1211</v>
      </c>
      <c r="E154" s="2" t="s">
        <v>1212</v>
      </c>
      <c r="F154" s="2" t="s">
        <v>1356</v>
      </c>
      <c r="G154" s="2" t="s">
        <v>283</v>
      </c>
      <c r="H154" s="2" t="s">
        <v>27</v>
      </c>
      <c r="I154" s="2" t="s">
        <v>34</v>
      </c>
      <c r="J154" s="2" t="s">
        <v>1357</v>
      </c>
      <c r="K154" s="2" t="s">
        <v>29</v>
      </c>
      <c r="L154" s="2" t="s">
        <v>30</v>
      </c>
      <c r="M154" s="2" t="s">
        <v>31</v>
      </c>
      <c r="N154" s="2" t="s">
        <v>49</v>
      </c>
      <c r="O154" s="2" t="s">
        <v>249</v>
      </c>
      <c r="P154" s="2" t="s">
        <v>34</v>
      </c>
      <c r="Q154" s="2" t="s">
        <v>34</v>
      </c>
      <c r="R154" s="2" t="s">
        <v>35</v>
      </c>
      <c r="S154" s="2" t="s">
        <v>1358</v>
      </c>
      <c r="T154" s="2" t="s">
        <v>34</v>
      </c>
      <c r="U154" s="2" t="s">
        <v>34</v>
      </c>
      <c r="V154" s="2" t="s">
        <v>34</v>
      </c>
    </row>
    <row r="155" spans="1:22" x14ac:dyDescent="0.25">
      <c r="A155" s="2" t="s">
        <v>843</v>
      </c>
      <c r="B155" s="3" t="s">
        <v>528</v>
      </c>
      <c r="C155" s="2" t="s">
        <v>529</v>
      </c>
      <c r="D155" s="4" t="s">
        <v>144</v>
      </c>
      <c r="E155" s="2" t="s">
        <v>1212</v>
      </c>
      <c r="F155" s="2" t="s">
        <v>1359</v>
      </c>
      <c r="G155" s="2" t="s">
        <v>80</v>
      </c>
      <c r="H155" s="2" t="s">
        <v>27</v>
      </c>
      <c r="I155" s="2" t="s">
        <v>34</v>
      </c>
      <c r="J155" s="2" t="s">
        <v>1360</v>
      </c>
      <c r="K155" s="2" t="s">
        <v>29</v>
      </c>
      <c r="L155" s="2" t="s">
        <v>30</v>
      </c>
      <c r="M155" s="2" t="s">
        <v>31</v>
      </c>
      <c r="N155" s="2" t="s">
        <v>49</v>
      </c>
      <c r="O155" s="2" t="s">
        <v>249</v>
      </c>
      <c r="P155" s="2" t="s">
        <v>34</v>
      </c>
      <c r="Q155" s="2" t="s">
        <v>34</v>
      </c>
      <c r="R155" s="2" t="s">
        <v>35</v>
      </c>
      <c r="S155" s="2" t="s">
        <v>1361</v>
      </c>
      <c r="T155" s="2" t="s">
        <v>34</v>
      </c>
      <c r="U155" s="2" t="s">
        <v>34</v>
      </c>
      <c r="V155" s="2" t="s">
        <v>34</v>
      </c>
    </row>
    <row r="156" spans="1:22" x14ac:dyDescent="0.25">
      <c r="A156" s="2" t="s">
        <v>843</v>
      </c>
      <c r="B156" s="3" t="s">
        <v>528</v>
      </c>
      <c r="C156" s="2" t="s">
        <v>529</v>
      </c>
      <c r="D156" s="4" t="s">
        <v>1219</v>
      </c>
      <c r="E156" s="2" t="s">
        <v>1212</v>
      </c>
      <c r="F156" s="2" t="s">
        <v>1362</v>
      </c>
      <c r="G156" s="2" t="s">
        <v>480</v>
      </c>
      <c r="H156" s="2" t="s">
        <v>27</v>
      </c>
      <c r="I156" s="2" t="s">
        <v>34</v>
      </c>
      <c r="J156" s="2" t="s">
        <v>1363</v>
      </c>
      <c r="K156" s="2" t="s">
        <v>29</v>
      </c>
      <c r="L156" s="2" t="s">
        <v>30</v>
      </c>
      <c r="M156" s="2" t="s">
        <v>31</v>
      </c>
      <c r="N156" s="2" t="s">
        <v>49</v>
      </c>
      <c r="O156" s="2" t="s">
        <v>249</v>
      </c>
      <c r="P156" s="2" t="s">
        <v>34</v>
      </c>
      <c r="Q156" s="2" t="s">
        <v>34</v>
      </c>
      <c r="R156" s="2" t="s">
        <v>35</v>
      </c>
      <c r="S156" s="2" t="s">
        <v>1364</v>
      </c>
      <c r="T156" s="2" t="s">
        <v>34</v>
      </c>
      <c r="U156" s="2" t="s">
        <v>34</v>
      </c>
      <c r="V156" s="2" t="s">
        <v>34</v>
      </c>
    </row>
    <row r="157" spans="1:22" x14ac:dyDescent="0.25">
      <c r="A157" s="2" t="s">
        <v>843</v>
      </c>
      <c r="B157" s="3" t="s">
        <v>528</v>
      </c>
      <c r="C157" s="2" t="s">
        <v>529</v>
      </c>
      <c r="D157" s="4" t="s">
        <v>918</v>
      </c>
      <c r="E157" s="2" t="s">
        <v>1223</v>
      </c>
      <c r="F157" s="2" t="s">
        <v>1365</v>
      </c>
      <c r="G157" s="2" t="s">
        <v>95</v>
      </c>
      <c r="H157" s="2" t="s">
        <v>27</v>
      </c>
      <c r="I157" s="2" t="s">
        <v>1225</v>
      </c>
      <c r="J157" s="2" t="s">
        <v>1366</v>
      </c>
      <c r="K157" s="2" t="s">
        <v>29</v>
      </c>
      <c r="L157" s="2" t="s">
        <v>30</v>
      </c>
      <c r="M157" s="2" t="s">
        <v>116</v>
      </c>
      <c r="N157" s="2" t="s">
        <v>183</v>
      </c>
      <c r="O157" s="2" t="s">
        <v>1227</v>
      </c>
      <c r="P157" s="2" t="s">
        <v>34</v>
      </c>
      <c r="Q157" s="2" t="s">
        <v>34</v>
      </c>
      <c r="R157" s="2" t="s">
        <v>35</v>
      </c>
      <c r="S157" s="2" t="s">
        <v>1367</v>
      </c>
      <c r="T157" s="2" t="s">
        <v>34</v>
      </c>
      <c r="U157" s="2" t="s">
        <v>34</v>
      </c>
      <c r="V157" s="2" t="s">
        <v>34</v>
      </c>
    </row>
    <row r="158" spans="1:22" x14ac:dyDescent="0.25">
      <c r="A158" s="2" t="s">
        <v>843</v>
      </c>
      <c r="B158" s="3" t="s">
        <v>528</v>
      </c>
      <c r="C158" s="2" t="s">
        <v>529</v>
      </c>
      <c r="D158" s="4" t="s">
        <v>1229</v>
      </c>
      <c r="E158" s="2" t="s">
        <v>1223</v>
      </c>
      <c r="F158" s="2" t="s">
        <v>1368</v>
      </c>
      <c r="G158" s="2" t="s">
        <v>290</v>
      </c>
      <c r="H158" s="2" t="s">
        <v>27</v>
      </c>
      <c r="I158" s="2" t="s">
        <v>1225</v>
      </c>
      <c r="J158" s="2" t="s">
        <v>1369</v>
      </c>
      <c r="K158" s="2" t="s">
        <v>29</v>
      </c>
      <c r="L158" s="2" t="s">
        <v>30</v>
      </c>
      <c r="M158" s="2" t="s">
        <v>116</v>
      </c>
      <c r="N158" s="2" t="s">
        <v>183</v>
      </c>
      <c r="O158" s="2" t="s">
        <v>1227</v>
      </c>
      <c r="P158" s="2" t="s">
        <v>34</v>
      </c>
      <c r="Q158" s="2" t="s">
        <v>34</v>
      </c>
      <c r="R158" s="2" t="s">
        <v>35</v>
      </c>
      <c r="S158" s="2" t="s">
        <v>1370</v>
      </c>
      <c r="T158" s="2" t="s">
        <v>34</v>
      </c>
      <c r="U158" s="2" t="s">
        <v>34</v>
      </c>
      <c r="V158" s="2" t="s">
        <v>34</v>
      </c>
    </row>
    <row r="159" spans="1:22" x14ac:dyDescent="0.25">
      <c r="A159" s="2" t="s">
        <v>843</v>
      </c>
      <c r="B159" s="3" t="s">
        <v>528</v>
      </c>
      <c r="C159" s="2" t="s">
        <v>529</v>
      </c>
      <c r="D159" s="4" t="s">
        <v>170</v>
      </c>
      <c r="E159" s="2" t="s">
        <v>1223</v>
      </c>
      <c r="F159" s="2" t="s">
        <v>1371</v>
      </c>
      <c r="G159" s="2" t="s">
        <v>373</v>
      </c>
      <c r="H159" s="2" t="s">
        <v>27</v>
      </c>
      <c r="I159" s="2" t="s">
        <v>1225</v>
      </c>
      <c r="J159" s="2" t="s">
        <v>1372</v>
      </c>
      <c r="K159" s="2" t="s">
        <v>29</v>
      </c>
      <c r="L159" s="2" t="s">
        <v>30</v>
      </c>
      <c r="M159" s="2" t="s">
        <v>116</v>
      </c>
      <c r="N159" s="2" t="s">
        <v>183</v>
      </c>
      <c r="O159" s="2" t="s">
        <v>1227</v>
      </c>
      <c r="P159" s="2" t="s">
        <v>34</v>
      </c>
      <c r="Q159" s="2" t="s">
        <v>34</v>
      </c>
      <c r="R159" s="2" t="s">
        <v>35</v>
      </c>
      <c r="S159" s="2" t="s">
        <v>1373</v>
      </c>
      <c r="T159" s="2" t="s">
        <v>34</v>
      </c>
      <c r="U159" s="2" t="s">
        <v>34</v>
      </c>
      <c r="V159" s="2" t="s">
        <v>34</v>
      </c>
    </row>
    <row r="160" spans="1:22" x14ac:dyDescent="0.25">
      <c r="A160" s="2" t="s">
        <v>843</v>
      </c>
      <c r="B160" s="3" t="s">
        <v>528</v>
      </c>
      <c r="C160" s="2" t="s">
        <v>529</v>
      </c>
      <c r="D160" s="4" t="s">
        <v>175</v>
      </c>
      <c r="E160" s="2" t="s">
        <v>1223</v>
      </c>
      <c r="F160" s="2" t="s">
        <v>1374</v>
      </c>
      <c r="G160" s="2" t="s">
        <v>274</v>
      </c>
      <c r="H160" s="2" t="s">
        <v>27</v>
      </c>
      <c r="I160" s="2" t="s">
        <v>1225</v>
      </c>
      <c r="J160" s="2" t="s">
        <v>1375</v>
      </c>
      <c r="K160" s="2" t="s">
        <v>29</v>
      </c>
      <c r="L160" s="2" t="s">
        <v>30</v>
      </c>
      <c r="M160" s="2" t="s">
        <v>116</v>
      </c>
      <c r="N160" s="2" t="s">
        <v>183</v>
      </c>
      <c r="O160" s="2" t="s">
        <v>1227</v>
      </c>
      <c r="P160" s="2" t="s">
        <v>34</v>
      </c>
      <c r="Q160" s="2" t="s">
        <v>34</v>
      </c>
      <c r="R160" s="2" t="s">
        <v>35</v>
      </c>
      <c r="S160" s="2" t="s">
        <v>1376</v>
      </c>
      <c r="T160" s="2" t="s">
        <v>34</v>
      </c>
      <c r="U160" s="2" t="s">
        <v>34</v>
      </c>
      <c r="V160" s="2" t="s">
        <v>34</v>
      </c>
    </row>
    <row r="161" spans="1:22" x14ac:dyDescent="0.25">
      <c r="A161" s="2" t="s">
        <v>843</v>
      </c>
      <c r="B161" s="3" t="s">
        <v>528</v>
      </c>
      <c r="C161" s="2" t="s">
        <v>529</v>
      </c>
      <c r="D161" s="4" t="s">
        <v>455</v>
      </c>
      <c r="E161" s="2" t="s">
        <v>1239</v>
      </c>
      <c r="F161" s="2" t="s">
        <v>1377</v>
      </c>
      <c r="G161" s="2" t="s">
        <v>439</v>
      </c>
      <c r="H161" s="2" t="s">
        <v>133</v>
      </c>
      <c r="I161" s="2" t="s">
        <v>34</v>
      </c>
      <c r="J161" s="2" t="s">
        <v>1378</v>
      </c>
      <c r="K161" s="2" t="s">
        <v>29</v>
      </c>
      <c r="L161" s="2" t="s">
        <v>30</v>
      </c>
      <c r="M161" s="2" t="s">
        <v>31</v>
      </c>
      <c r="N161" s="2" t="s">
        <v>183</v>
      </c>
      <c r="O161" s="2" t="s">
        <v>905</v>
      </c>
      <c r="P161" s="2" t="s">
        <v>34</v>
      </c>
      <c r="Q161" s="2" t="s">
        <v>34</v>
      </c>
      <c r="R161" s="2" t="s">
        <v>35</v>
      </c>
      <c r="S161" s="2" t="s">
        <v>1379</v>
      </c>
      <c r="T161" s="2" t="s">
        <v>34</v>
      </c>
      <c r="U161" s="2" t="s">
        <v>34</v>
      </c>
      <c r="V161" s="2" t="s">
        <v>34</v>
      </c>
    </row>
    <row r="162" spans="1:22" x14ac:dyDescent="0.25">
      <c r="A162" s="2" t="s">
        <v>843</v>
      </c>
      <c r="B162" s="3" t="s">
        <v>528</v>
      </c>
      <c r="C162" s="2" t="s">
        <v>529</v>
      </c>
      <c r="D162" s="4" t="s">
        <v>456</v>
      </c>
      <c r="E162" s="2" t="s">
        <v>1239</v>
      </c>
      <c r="F162" s="2" t="s">
        <v>1380</v>
      </c>
      <c r="G162" s="2" t="s">
        <v>181</v>
      </c>
      <c r="H162" s="2" t="s">
        <v>133</v>
      </c>
      <c r="I162" s="2" t="s">
        <v>34</v>
      </c>
      <c r="J162" s="2" t="s">
        <v>1244</v>
      </c>
      <c r="K162" s="2" t="s">
        <v>29</v>
      </c>
      <c r="L162" s="2" t="s">
        <v>30</v>
      </c>
      <c r="M162" s="2" t="s">
        <v>31</v>
      </c>
      <c r="N162" s="2" t="s">
        <v>183</v>
      </c>
      <c r="O162" s="2" t="s">
        <v>905</v>
      </c>
      <c r="P162" s="2" t="s">
        <v>34</v>
      </c>
      <c r="Q162" s="2" t="s">
        <v>34</v>
      </c>
      <c r="R162" s="2" t="s">
        <v>35</v>
      </c>
      <c r="S162" s="2" t="s">
        <v>1381</v>
      </c>
      <c r="T162" s="2" t="s">
        <v>34</v>
      </c>
      <c r="U162" s="2" t="s">
        <v>34</v>
      </c>
      <c r="V162" s="2" t="s">
        <v>34</v>
      </c>
    </row>
    <row r="163" spans="1:22" x14ac:dyDescent="0.25">
      <c r="A163" s="2" t="s">
        <v>843</v>
      </c>
      <c r="B163" s="3" t="s">
        <v>528</v>
      </c>
      <c r="C163" s="2" t="s">
        <v>529</v>
      </c>
      <c r="D163" s="4" t="s">
        <v>179</v>
      </c>
      <c r="E163" s="2" t="s">
        <v>1116</v>
      </c>
      <c r="F163" s="2" t="s">
        <v>1117</v>
      </c>
      <c r="G163" s="2" t="s">
        <v>324</v>
      </c>
      <c r="H163" s="2" t="s">
        <v>101</v>
      </c>
      <c r="I163" s="2" t="s">
        <v>34</v>
      </c>
      <c r="J163" s="2" t="s">
        <v>1118</v>
      </c>
      <c r="K163" s="2" t="s">
        <v>29</v>
      </c>
      <c r="L163" s="2" t="s">
        <v>30</v>
      </c>
      <c r="M163" s="2" t="s">
        <v>31</v>
      </c>
      <c r="N163" s="2" t="s">
        <v>183</v>
      </c>
      <c r="O163" s="2" t="s">
        <v>905</v>
      </c>
      <c r="P163" s="2" t="s">
        <v>118</v>
      </c>
      <c r="Q163" s="2" t="s">
        <v>34</v>
      </c>
      <c r="R163" s="2" t="s">
        <v>35</v>
      </c>
      <c r="S163" s="2" t="s">
        <v>1119</v>
      </c>
      <c r="T163" s="2" t="s">
        <v>34</v>
      </c>
      <c r="U163" s="2" t="s">
        <v>34</v>
      </c>
      <c r="V163" s="2" t="s">
        <v>34</v>
      </c>
    </row>
    <row r="164" spans="1:22" x14ac:dyDescent="0.25">
      <c r="A164" s="2" t="s">
        <v>843</v>
      </c>
      <c r="B164" s="3" t="s">
        <v>528</v>
      </c>
      <c r="C164" s="2" t="s">
        <v>529</v>
      </c>
      <c r="D164" s="4" t="s">
        <v>463</v>
      </c>
      <c r="E164" s="2" t="s">
        <v>1116</v>
      </c>
      <c r="F164" s="2" t="s">
        <v>1121</v>
      </c>
      <c r="G164" s="2" t="s">
        <v>449</v>
      </c>
      <c r="H164" s="2" t="s">
        <v>101</v>
      </c>
      <c r="I164" s="2" t="s">
        <v>34</v>
      </c>
      <c r="J164" s="2" t="s">
        <v>1118</v>
      </c>
      <c r="K164" s="2" t="s">
        <v>29</v>
      </c>
      <c r="L164" s="2" t="s">
        <v>30</v>
      </c>
      <c r="M164" s="2" t="s">
        <v>31</v>
      </c>
      <c r="N164" s="2" t="s">
        <v>183</v>
      </c>
      <c r="O164" s="2" t="s">
        <v>905</v>
      </c>
      <c r="P164" s="2" t="s">
        <v>118</v>
      </c>
      <c r="Q164" s="2" t="s">
        <v>34</v>
      </c>
      <c r="R164" s="2" t="s">
        <v>35</v>
      </c>
      <c r="S164" s="2" t="s">
        <v>1122</v>
      </c>
      <c r="T164" s="2" t="s">
        <v>34</v>
      </c>
      <c r="U164" s="2" t="s">
        <v>34</v>
      </c>
      <c r="V164" s="2" t="s">
        <v>34</v>
      </c>
    </row>
    <row r="165" spans="1:22" x14ac:dyDescent="0.25">
      <c r="A165" s="2" t="s">
        <v>843</v>
      </c>
      <c r="B165" s="3" t="s">
        <v>528</v>
      </c>
      <c r="C165" s="2" t="s">
        <v>529</v>
      </c>
      <c r="D165" s="4" t="s">
        <v>1250</v>
      </c>
      <c r="E165" s="2" t="s">
        <v>853</v>
      </c>
      <c r="F165" s="2" t="s">
        <v>1382</v>
      </c>
      <c r="G165" s="2" t="s">
        <v>396</v>
      </c>
      <c r="H165" s="2" t="s">
        <v>45</v>
      </c>
      <c r="I165" s="2" t="s">
        <v>861</v>
      </c>
      <c r="J165" s="2" t="s">
        <v>1383</v>
      </c>
      <c r="K165" s="2" t="s">
        <v>29</v>
      </c>
      <c r="L165" s="2" t="s">
        <v>30</v>
      </c>
      <c r="M165" s="2" t="s">
        <v>116</v>
      </c>
      <c r="N165" s="2" t="s">
        <v>220</v>
      </c>
      <c r="O165" s="2" t="s">
        <v>189</v>
      </c>
      <c r="P165" s="2" t="s">
        <v>118</v>
      </c>
      <c r="Q165" s="2" t="s">
        <v>857</v>
      </c>
      <c r="R165" s="2" t="s">
        <v>35</v>
      </c>
      <c r="S165" s="2" t="s">
        <v>1384</v>
      </c>
      <c r="T165" s="2" t="s">
        <v>34</v>
      </c>
      <c r="U165" s="2" t="s">
        <v>34</v>
      </c>
      <c r="V165" s="2" t="s">
        <v>34</v>
      </c>
    </row>
    <row r="166" spans="1:22" x14ac:dyDescent="0.25">
      <c r="A166" s="2" t="s">
        <v>843</v>
      </c>
      <c r="B166" s="3" t="s">
        <v>528</v>
      </c>
      <c r="C166" s="2" t="s">
        <v>529</v>
      </c>
      <c r="D166" s="4" t="s">
        <v>478</v>
      </c>
      <c r="E166" s="2" t="s">
        <v>853</v>
      </c>
      <c r="F166" s="2" t="s">
        <v>1385</v>
      </c>
      <c r="G166" s="2" t="s">
        <v>181</v>
      </c>
      <c r="H166" s="2" t="s">
        <v>45</v>
      </c>
      <c r="I166" s="2" t="s">
        <v>861</v>
      </c>
      <c r="J166" s="2" t="s">
        <v>1386</v>
      </c>
      <c r="K166" s="2" t="s">
        <v>29</v>
      </c>
      <c r="L166" s="2" t="s">
        <v>30</v>
      </c>
      <c r="M166" s="2" t="s">
        <v>116</v>
      </c>
      <c r="N166" s="2" t="s">
        <v>220</v>
      </c>
      <c r="O166" s="2" t="s">
        <v>189</v>
      </c>
      <c r="P166" s="2" t="s">
        <v>118</v>
      </c>
      <c r="Q166" s="2" t="s">
        <v>857</v>
      </c>
      <c r="R166" s="2" t="s">
        <v>35</v>
      </c>
      <c r="S166" s="2" t="s">
        <v>1387</v>
      </c>
      <c r="T166" s="2" t="s">
        <v>34</v>
      </c>
      <c r="U166" s="2" t="s">
        <v>34</v>
      </c>
      <c r="V166" s="2" t="s">
        <v>34</v>
      </c>
    </row>
    <row r="167" spans="1:22" x14ac:dyDescent="0.25">
      <c r="A167" s="2" t="s">
        <v>843</v>
      </c>
      <c r="B167" s="3" t="s">
        <v>528</v>
      </c>
      <c r="C167" s="2" t="s">
        <v>529</v>
      </c>
      <c r="D167" s="4" t="s">
        <v>943</v>
      </c>
      <c r="E167" s="2" t="s">
        <v>865</v>
      </c>
      <c r="F167" s="2" t="s">
        <v>866</v>
      </c>
      <c r="G167" s="2" t="s">
        <v>70</v>
      </c>
      <c r="H167" s="2" t="s">
        <v>45</v>
      </c>
      <c r="I167" s="2" t="s">
        <v>34</v>
      </c>
      <c r="J167" s="2" t="s">
        <v>867</v>
      </c>
      <c r="K167" s="2" t="s">
        <v>29</v>
      </c>
      <c r="L167" s="2" t="s">
        <v>30</v>
      </c>
      <c r="M167" s="2" t="s">
        <v>31</v>
      </c>
      <c r="N167" s="2" t="s">
        <v>183</v>
      </c>
      <c r="O167" s="2" t="s">
        <v>249</v>
      </c>
      <c r="P167" s="2" t="s">
        <v>118</v>
      </c>
      <c r="Q167" s="2" t="s">
        <v>34</v>
      </c>
      <c r="R167" s="2" t="s">
        <v>35</v>
      </c>
      <c r="S167" s="2" t="s">
        <v>868</v>
      </c>
      <c r="T167" s="2" t="s">
        <v>34</v>
      </c>
      <c r="U167" s="2" t="s">
        <v>34</v>
      </c>
      <c r="V167" s="2" t="s">
        <v>34</v>
      </c>
    </row>
    <row r="168" spans="1:22" x14ac:dyDescent="0.25">
      <c r="A168" s="2" t="s">
        <v>843</v>
      </c>
      <c r="B168" s="3" t="s">
        <v>528</v>
      </c>
      <c r="C168" s="2" t="s">
        <v>529</v>
      </c>
      <c r="D168" s="4" t="s">
        <v>947</v>
      </c>
      <c r="E168" s="2" t="s">
        <v>865</v>
      </c>
      <c r="F168" s="2" t="s">
        <v>1101</v>
      </c>
      <c r="G168" s="2" t="s">
        <v>75</v>
      </c>
      <c r="H168" s="2" t="s">
        <v>45</v>
      </c>
      <c r="I168" s="2" t="s">
        <v>34</v>
      </c>
      <c r="J168" s="2" t="s">
        <v>1102</v>
      </c>
      <c r="K168" s="2" t="s">
        <v>29</v>
      </c>
      <c r="L168" s="2" t="s">
        <v>30</v>
      </c>
      <c r="M168" s="2" t="s">
        <v>31</v>
      </c>
      <c r="N168" s="2" t="s">
        <v>183</v>
      </c>
      <c r="O168" s="2" t="s">
        <v>249</v>
      </c>
      <c r="P168" s="2" t="s">
        <v>118</v>
      </c>
      <c r="Q168" s="2" t="s">
        <v>34</v>
      </c>
      <c r="R168" s="2" t="s">
        <v>35</v>
      </c>
      <c r="S168" s="2" t="s">
        <v>1103</v>
      </c>
      <c r="T168" s="2" t="s">
        <v>34</v>
      </c>
      <c r="U168" s="2" t="s">
        <v>34</v>
      </c>
      <c r="V168" s="2" t="s">
        <v>34</v>
      </c>
    </row>
    <row r="169" spans="1:22" x14ac:dyDescent="0.25">
      <c r="A169" s="2" t="s">
        <v>843</v>
      </c>
      <c r="B169" s="3" t="s">
        <v>528</v>
      </c>
      <c r="C169" s="2" t="s">
        <v>529</v>
      </c>
      <c r="D169" s="4" t="s">
        <v>202</v>
      </c>
      <c r="E169" s="2" t="s">
        <v>853</v>
      </c>
      <c r="F169" s="2" t="s">
        <v>1388</v>
      </c>
      <c r="G169" s="2" t="s">
        <v>38</v>
      </c>
      <c r="H169" s="2" t="s">
        <v>86</v>
      </c>
      <c r="I169" s="2" t="s">
        <v>861</v>
      </c>
      <c r="J169" s="2" t="s">
        <v>1389</v>
      </c>
      <c r="K169" s="2" t="s">
        <v>29</v>
      </c>
      <c r="L169" s="2" t="s">
        <v>30</v>
      </c>
      <c r="M169" s="2" t="s">
        <v>116</v>
      </c>
      <c r="N169" s="2" t="s">
        <v>183</v>
      </c>
      <c r="O169" s="2" t="s">
        <v>189</v>
      </c>
      <c r="P169" s="2" t="s">
        <v>118</v>
      </c>
      <c r="Q169" s="2" t="s">
        <v>34</v>
      </c>
      <c r="R169" s="2" t="s">
        <v>35</v>
      </c>
      <c r="S169" s="2" t="s">
        <v>1390</v>
      </c>
      <c r="T169" s="2" t="s">
        <v>1263</v>
      </c>
      <c r="U169" s="2" t="s">
        <v>34</v>
      </c>
      <c r="V169" s="2" t="s">
        <v>34</v>
      </c>
    </row>
    <row r="170" spans="1:22" x14ac:dyDescent="0.25">
      <c r="A170" s="2" t="s">
        <v>843</v>
      </c>
      <c r="B170" s="3" t="s">
        <v>528</v>
      </c>
      <c r="C170" s="2" t="s">
        <v>529</v>
      </c>
      <c r="D170" s="4" t="s">
        <v>1264</v>
      </c>
      <c r="E170" s="2" t="s">
        <v>853</v>
      </c>
      <c r="F170" s="2" t="s">
        <v>1160</v>
      </c>
      <c r="G170" s="2" t="s">
        <v>483</v>
      </c>
      <c r="H170" s="2" t="s">
        <v>86</v>
      </c>
      <c r="I170" s="2" t="s">
        <v>861</v>
      </c>
      <c r="J170" s="2" t="s">
        <v>1161</v>
      </c>
      <c r="K170" s="2" t="s">
        <v>29</v>
      </c>
      <c r="L170" s="2" t="s">
        <v>30</v>
      </c>
      <c r="M170" s="2" t="s">
        <v>116</v>
      </c>
      <c r="N170" s="2" t="s">
        <v>183</v>
      </c>
      <c r="O170" s="2" t="s">
        <v>189</v>
      </c>
      <c r="P170" s="2" t="s">
        <v>118</v>
      </c>
      <c r="Q170" s="2" t="s">
        <v>34</v>
      </c>
      <c r="R170" s="2" t="s">
        <v>35</v>
      </c>
      <c r="S170" s="2" t="s">
        <v>1162</v>
      </c>
      <c r="T170" s="2" t="s">
        <v>34</v>
      </c>
      <c r="U170" s="2" t="s">
        <v>34</v>
      </c>
      <c r="V170" s="2" t="s">
        <v>34</v>
      </c>
    </row>
    <row r="171" spans="1:22" x14ac:dyDescent="0.25">
      <c r="A171" s="2" t="s">
        <v>843</v>
      </c>
      <c r="B171" s="3" t="s">
        <v>528</v>
      </c>
      <c r="C171" s="2" t="s">
        <v>529</v>
      </c>
      <c r="D171" s="4" t="s">
        <v>1391</v>
      </c>
      <c r="E171" s="2" t="s">
        <v>853</v>
      </c>
      <c r="F171" s="2" t="s">
        <v>1392</v>
      </c>
      <c r="G171" s="2" t="s">
        <v>534</v>
      </c>
      <c r="H171" s="2" t="s">
        <v>86</v>
      </c>
      <c r="I171" s="2" t="s">
        <v>861</v>
      </c>
      <c r="J171" s="2" t="s">
        <v>1393</v>
      </c>
      <c r="K171" s="2" t="s">
        <v>29</v>
      </c>
      <c r="L171" s="2" t="s">
        <v>30</v>
      </c>
      <c r="M171" s="2" t="s">
        <v>116</v>
      </c>
      <c r="N171" s="2" t="s">
        <v>183</v>
      </c>
      <c r="O171" s="2" t="s">
        <v>189</v>
      </c>
      <c r="P171" s="2" t="s">
        <v>118</v>
      </c>
      <c r="Q171" s="2" t="s">
        <v>34</v>
      </c>
      <c r="R171" s="2" t="s">
        <v>35</v>
      </c>
      <c r="S171" s="2" t="s">
        <v>1394</v>
      </c>
      <c r="T171" s="2" t="s">
        <v>34</v>
      </c>
      <c r="U171" s="2" t="s">
        <v>34</v>
      </c>
      <c r="V171" s="2" t="s">
        <v>34</v>
      </c>
    </row>
    <row r="172" spans="1:22" x14ac:dyDescent="0.25">
      <c r="A172" s="2" t="s">
        <v>843</v>
      </c>
      <c r="B172" s="3" t="s">
        <v>528</v>
      </c>
      <c r="C172" s="2" t="s">
        <v>529</v>
      </c>
      <c r="D172" s="4" t="s">
        <v>1268</v>
      </c>
      <c r="E172" s="2" t="s">
        <v>935</v>
      </c>
      <c r="F172" s="2" t="s">
        <v>1395</v>
      </c>
      <c r="G172" s="2" t="s">
        <v>483</v>
      </c>
      <c r="H172" s="2" t="s">
        <v>86</v>
      </c>
      <c r="I172" s="2" t="s">
        <v>34</v>
      </c>
      <c r="J172" s="2" t="s">
        <v>1396</v>
      </c>
      <c r="K172" s="2" t="s">
        <v>29</v>
      </c>
      <c r="L172" s="2" t="s">
        <v>30</v>
      </c>
      <c r="M172" s="2" t="s">
        <v>31</v>
      </c>
      <c r="N172" s="2" t="s">
        <v>49</v>
      </c>
      <c r="O172" s="2" t="s">
        <v>189</v>
      </c>
      <c r="P172" s="2" t="s">
        <v>118</v>
      </c>
      <c r="Q172" s="2" t="s">
        <v>34</v>
      </c>
      <c r="R172" s="2" t="s">
        <v>35</v>
      </c>
      <c r="S172" s="2" t="s">
        <v>1397</v>
      </c>
      <c r="T172" s="2" t="s">
        <v>34</v>
      </c>
      <c r="U172" s="2" t="s">
        <v>34</v>
      </c>
      <c r="V172" s="2" t="s">
        <v>34</v>
      </c>
    </row>
    <row r="173" spans="1:22" x14ac:dyDescent="0.25">
      <c r="A173" s="2" t="s">
        <v>843</v>
      </c>
      <c r="B173" s="3" t="s">
        <v>528</v>
      </c>
      <c r="C173" s="2" t="s">
        <v>529</v>
      </c>
      <c r="D173" s="4" t="s">
        <v>1272</v>
      </c>
      <c r="E173" s="2" t="s">
        <v>935</v>
      </c>
      <c r="F173" s="2" t="s">
        <v>1398</v>
      </c>
      <c r="G173" s="2" t="s">
        <v>534</v>
      </c>
      <c r="H173" s="2" t="s">
        <v>86</v>
      </c>
      <c r="I173" s="2" t="s">
        <v>34</v>
      </c>
      <c r="J173" s="2" t="s">
        <v>1399</v>
      </c>
      <c r="K173" s="2" t="s">
        <v>29</v>
      </c>
      <c r="L173" s="2" t="s">
        <v>30</v>
      </c>
      <c r="M173" s="2" t="s">
        <v>31</v>
      </c>
      <c r="N173" s="2" t="s">
        <v>49</v>
      </c>
      <c r="O173" s="2" t="s">
        <v>189</v>
      </c>
      <c r="P173" s="2" t="s">
        <v>118</v>
      </c>
      <c r="Q173" s="2" t="s">
        <v>34</v>
      </c>
      <c r="R173" s="2" t="s">
        <v>35</v>
      </c>
      <c r="S173" s="2" t="s">
        <v>1400</v>
      </c>
      <c r="T173" s="2" t="s">
        <v>34</v>
      </c>
      <c r="U173" s="2" t="s">
        <v>34</v>
      </c>
      <c r="V173" s="2" t="s">
        <v>34</v>
      </c>
    </row>
    <row r="174" spans="1:22" x14ac:dyDescent="0.25">
      <c r="A174" s="2" t="s">
        <v>843</v>
      </c>
      <c r="B174" s="3" t="s">
        <v>528</v>
      </c>
      <c r="C174" s="2" t="s">
        <v>529</v>
      </c>
      <c r="D174" s="4" t="s">
        <v>1276</v>
      </c>
      <c r="E174" s="2" t="s">
        <v>935</v>
      </c>
      <c r="F174" s="2" t="s">
        <v>1401</v>
      </c>
      <c r="G174" s="2" t="s">
        <v>95</v>
      </c>
      <c r="H174" s="2" t="s">
        <v>86</v>
      </c>
      <c r="I174" s="2" t="s">
        <v>34</v>
      </c>
      <c r="J174" s="2" t="s">
        <v>1402</v>
      </c>
      <c r="K174" s="2" t="s">
        <v>29</v>
      </c>
      <c r="L174" s="2" t="s">
        <v>30</v>
      </c>
      <c r="M174" s="2" t="s">
        <v>31</v>
      </c>
      <c r="N174" s="2" t="s">
        <v>49</v>
      </c>
      <c r="O174" s="2" t="s">
        <v>799</v>
      </c>
      <c r="P174" s="2" t="s">
        <v>118</v>
      </c>
      <c r="Q174" s="2" t="s">
        <v>34</v>
      </c>
      <c r="R174" s="2" t="s">
        <v>35</v>
      </c>
      <c r="S174" s="2" t="s">
        <v>1403</v>
      </c>
      <c r="T174" s="2" t="s">
        <v>34</v>
      </c>
      <c r="U174" s="2" t="s">
        <v>34</v>
      </c>
      <c r="V174" s="2" t="s">
        <v>34</v>
      </c>
    </row>
    <row r="175" spans="1:22" x14ac:dyDescent="0.25">
      <c r="A175" s="2" t="s">
        <v>843</v>
      </c>
      <c r="B175" s="3" t="s">
        <v>528</v>
      </c>
      <c r="C175" s="2" t="s">
        <v>529</v>
      </c>
      <c r="D175" s="4" t="s">
        <v>227</v>
      </c>
      <c r="E175" s="2" t="s">
        <v>1280</v>
      </c>
      <c r="F175" s="2" t="s">
        <v>1404</v>
      </c>
      <c r="G175" s="2" t="s">
        <v>453</v>
      </c>
      <c r="H175" s="2" t="s">
        <v>27</v>
      </c>
      <c r="I175" s="2" t="s">
        <v>34</v>
      </c>
      <c r="J175" s="2" t="s">
        <v>1405</v>
      </c>
      <c r="K175" s="2" t="s">
        <v>29</v>
      </c>
      <c r="L175" s="2" t="s">
        <v>30</v>
      </c>
      <c r="M175" s="2" t="s">
        <v>1131</v>
      </c>
      <c r="N175" s="2" t="s">
        <v>183</v>
      </c>
      <c r="O175" s="2" t="s">
        <v>189</v>
      </c>
      <c r="P175" s="2" t="s">
        <v>34</v>
      </c>
      <c r="Q175" s="2" t="s">
        <v>34</v>
      </c>
      <c r="R175" s="2" t="s">
        <v>35</v>
      </c>
      <c r="S175" s="2" t="s">
        <v>1406</v>
      </c>
      <c r="T175" s="2" t="s">
        <v>34</v>
      </c>
      <c r="U175" s="2" t="s">
        <v>34</v>
      </c>
      <c r="V175" s="2" t="s">
        <v>34</v>
      </c>
    </row>
    <row r="176" spans="1:22" x14ac:dyDescent="0.25">
      <c r="A176" s="2" t="s">
        <v>843</v>
      </c>
      <c r="B176" s="3" t="s">
        <v>528</v>
      </c>
      <c r="C176" s="2" t="s">
        <v>529</v>
      </c>
      <c r="D176" s="4" t="s">
        <v>509</v>
      </c>
      <c r="E176" s="2" t="s">
        <v>1280</v>
      </c>
      <c r="F176" s="2" t="s">
        <v>1407</v>
      </c>
      <c r="G176" s="2" t="s">
        <v>458</v>
      </c>
      <c r="H176" s="2" t="s">
        <v>27</v>
      </c>
      <c r="I176" s="2" t="s">
        <v>34</v>
      </c>
      <c r="J176" s="2" t="s">
        <v>1405</v>
      </c>
      <c r="K176" s="2" t="s">
        <v>29</v>
      </c>
      <c r="L176" s="2" t="s">
        <v>30</v>
      </c>
      <c r="M176" s="2" t="s">
        <v>1131</v>
      </c>
      <c r="N176" s="2" t="s">
        <v>183</v>
      </c>
      <c r="O176" s="2" t="s">
        <v>189</v>
      </c>
      <c r="P176" s="2" t="s">
        <v>34</v>
      </c>
      <c r="Q176" s="2" t="s">
        <v>34</v>
      </c>
      <c r="R176" s="2" t="s">
        <v>35</v>
      </c>
      <c r="S176" s="2" t="s">
        <v>1408</v>
      </c>
      <c r="T176" s="2" t="s">
        <v>34</v>
      </c>
      <c r="U176" s="2" t="s">
        <v>34</v>
      </c>
      <c r="V176" s="2" t="s">
        <v>34</v>
      </c>
    </row>
    <row r="177" spans="1:22" x14ac:dyDescent="0.25">
      <c r="A177" s="2" t="s">
        <v>843</v>
      </c>
      <c r="B177" s="3" t="s">
        <v>528</v>
      </c>
      <c r="C177" s="2" t="s">
        <v>529</v>
      </c>
      <c r="D177" s="4" t="s">
        <v>1287</v>
      </c>
      <c r="E177" s="2" t="s">
        <v>853</v>
      </c>
      <c r="F177" s="2" t="s">
        <v>1095</v>
      </c>
      <c r="G177" s="2" t="s">
        <v>560</v>
      </c>
      <c r="H177" s="2" t="s">
        <v>27</v>
      </c>
      <c r="I177" s="2" t="s">
        <v>861</v>
      </c>
      <c r="J177" s="2" t="s">
        <v>1096</v>
      </c>
      <c r="K177" s="2" t="s">
        <v>29</v>
      </c>
      <c r="L177" s="2" t="s">
        <v>34</v>
      </c>
      <c r="M177" s="2" t="s">
        <v>116</v>
      </c>
      <c r="N177" s="2" t="s">
        <v>525</v>
      </c>
      <c r="O177" s="2" t="s">
        <v>189</v>
      </c>
      <c r="P177" s="2" t="s">
        <v>118</v>
      </c>
      <c r="Q177" s="2" t="s">
        <v>34</v>
      </c>
      <c r="R177" s="2" t="s">
        <v>35</v>
      </c>
      <c r="S177" s="2" t="s">
        <v>1097</v>
      </c>
      <c r="T177" s="2" t="s">
        <v>34</v>
      </c>
      <c r="U177" s="2" t="s">
        <v>34</v>
      </c>
      <c r="V177" s="2" t="s">
        <v>34</v>
      </c>
    </row>
    <row r="178" spans="1:22" x14ac:dyDescent="0.25">
      <c r="A178" s="2" t="s">
        <v>843</v>
      </c>
      <c r="B178" s="3" t="s">
        <v>528</v>
      </c>
      <c r="C178" s="2" t="s">
        <v>529</v>
      </c>
      <c r="D178" s="4" t="s">
        <v>1120</v>
      </c>
      <c r="E178" s="2" t="s">
        <v>853</v>
      </c>
      <c r="F178" s="2" t="s">
        <v>1098</v>
      </c>
      <c r="G178" s="2" t="s">
        <v>564</v>
      </c>
      <c r="H178" s="2" t="s">
        <v>27</v>
      </c>
      <c r="I178" s="2" t="s">
        <v>861</v>
      </c>
      <c r="J178" s="2" t="s">
        <v>1099</v>
      </c>
      <c r="K178" s="2" t="s">
        <v>29</v>
      </c>
      <c r="L178" s="2" t="s">
        <v>30</v>
      </c>
      <c r="M178" s="2" t="s">
        <v>116</v>
      </c>
      <c r="N178" s="2" t="s">
        <v>525</v>
      </c>
      <c r="O178" s="2" t="s">
        <v>189</v>
      </c>
      <c r="P178" s="2" t="s">
        <v>118</v>
      </c>
      <c r="Q178" s="2" t="s">
        <v>34</v>
      </c>
      <c r="R178" s="2" t="s">
        <v>35</v>
      </c>
      <c r="S178" s="2" t="s">
        <v>1100</v>
      </c>
      <c r="T178" s="2" t="s">
        <v>34</v>
      </c>
      <c r="U178" s="2" t="s">
        <v>34</v>
      </c>
      <c r="V178" s="2" t="s">
        <v>34</v>
      </c>
    </row>
    <row r="179" spans="1:22" x14ac:dyDescent="0.25">
      <c r="A179" s="2" t="s">
        <v>843</v>
      </c>
      <c r="B179" s="3" t="s">
        <v>528</v>
      </c>
      <c r="C179" s="2" t="s">
        <v>529</v>
      </c>
      <c r="D179" s="4" t="s">
        <v>244</v>
      </c>
      <c r="E179" s="2" t="s">
        <v>914</v>
      </c>
      <c r="F179" s="2" t="s">
        <v>1409</v>
      </c>
      <c r="G179" s="2" t="s">
        <v>453</v>
      </c>
      <c r="H179" s="2" t="s">
        <v>27</v>
      </c>
      <c r="I179" s="2" t="s">
        <v>1137</v>
      </c>
      <c r="J179" s="2" t="s">
        <v>1410</v>
      </c>
      <c r="K179" s="2" t="s">
        <v>29</v>
      </c>
      <c r="L179" s="2" t="s">
        <v>30</v>
      </c>
      <c r="M179" s="2" t="s">
        <v>31</v>
      </c>
      <c r="N179" s="2" t="s">
        <v>183</v>
      </c>
      <c r="O179" s="2" t="s">
        <v>189</v>
      </c>
      <c r="P179" s="2" t="s">
        <v>118</v>
      </c>
      <c r="Q179" s="2" t="s">
        <v>34</v>
      </c>
      <c r="R179" s="2" t="s">
        <v>35</v>
      </c>
      <c r="S179" s="2" t="s">
        <v>1411</v>
      </c>
      <c r="T179" s="2" t="s">
        <v>34</v>
      </c>
      <c r="U179" s="2" t="s">
        <v>34</v>
      </c>
      <c r="V179" s="2" t="s">
        <v>34</v>
      </c>
    </row>
    <row r="180" spans="1:22" x14ac:dyDescent="0.25">
      <c r="A180" s="2" t="s">
        <v>843</v>
      </c>
      <c r="B180" s="3" t="s">
        <v>528</v>
      </c>
      <c r="C180" s="2" t="s">
        <v>529</v>
      </c>
      <c r="D180" s="4" t="s">
        <v>1291</v>
      </c>
      <c r="E180" s="2" t="s">
        <v>914</v>
      </c>
      <c r="F180" s="2" t="s">
        <v>1412</v>
      </c>
      <c r="G180" s="2" t="s">
        <v>458</v>
      </c>
      <c r="H180" s="2" t="s">
        <v>27</v>
      </c>
      <c r="I180" s="2" t="s">
        <v>1137</v>
      </c>
      <c r="J180" s="2" t="s">
        <v>1413</v>
      </c>
      <c r="K180" s="2" t="s">
        <v>29</v>
      </c>
      <c r="L180" s="2" t="s">
        <v>30</v>
      </c>
      <c r="M180" s="2" t="s">
        <v>31</v>
      </c>
      <c r="N180" s="2" t="s">
        <v>183</v>
      </c>
      <c r="O180" s="2" t="s">
        <v>189</v>
      </c>
      <c r="P180" s="2" t="s">
        <v>118</v>
      </c>
      <c r="Q180" s="2" t="s">
        <v>34</v>
      </c>
      <c r="R180" s="2" t="s">
        <v>35</v>
      </c>
      <c r="S180" s="2" t="s">
        <v>1414</v>
      </c>
      <c r="T180" s="2" t="s">
        <v>34</v>
      </c>
      <c r="U180" s="2" t="s">
        <v>34</v>
      </c>
      <c r="V180" s="2" t="s">
        <v>34</v>
      </c>
    </row>
    <row r="181" spans="1:22" x14ac:dyDescent="0.25">
      <c r="A181" s="2" t="s">
        <v>843</v>
      </c>
      <c r="B181" s="3" t="s">
        <v>528</v>
      </c>
      <c r="C181" s="2" t="s">
        <v>529</v>
      </c>
      <c r="D181" s="4" t="s">
        <v>1295</v>
      </c>
      <c r="E181" s="2" t="s">
        <v>1128</v>
      </c>
      <c r="F181" s="2" t="s">
        <v>1415</v>
      </c>
      <c r="G181" s="2" t="s">
        <v>86</v>
      </c>
      <c r="H181" s="2" t="s">
        <v>45</v>
      </c>
      <c r="I181" s="2" t="s">
        <v>34</v>
      </c>
      <c r="J181" s="2" t="s">
        <v>1416</v>
      </c>
      <c r="K181" s="2" t="s">
        <v>29</v>
      </c>
      <c r="L181" s="2" t="s">
        <v>30</v>
      </c>
      <c r="M181" s="2" t="s">
        <v>1131</v>
      </c>
      <c r="N181" s="2" t="s">
        <v>183</v>
      </c>
      <c r="O181" s="2" t="s">
        <v>189</v>
      </c>
      <c r="P181" s="2" t="s">
        <v>118</v>
      </c>
      <c r="Q181" s="2" t="s">
        <v>34</v>
      </c>
      <c r="R181" s="2" t="s">
        <v>35</v>
      </c>
      <c r="S181" s="2" t="s">
        <v>1417</v>
      </c>
      <c r="T181" s="2" t="s">
        <v>34</v>
      </c>
      <c r="U181" s="2" t="s">
        <v>34</v>
      </c>
      <c r="V181" s="2" t="s">
        <v>1072</v>
      </c>
    </row>
    <row r="182" spans="1:22" x14ac:dyDescent="0.25">
      <c r="A182" s="2" t="s">
        <v>843</v>
      </c>
      <c r="B182" s="3" t="s">
        <v>528</v>
      </c>
      <c r="C182" s="2" t="s">
        <v>529</v>
      </c>
      <c r="D182" s="4" t="s">
        <v>1299</v>
      </c>
      <c r="E182" s="2" t="s">
        <v>1128</v>
      </c>
      <c r="F182" s="2" t="s">
        <v>1418</v>
      </c>
      <c r="G182" s="2" t="s">
        <v>133</v>
      </c>
      <c r="H182" s="2" t="s">
        <v>45</v>
      </c>
      <c r="I182" s="2" t="s">
        <v>34</v>
      </c>
      <c r="J182" s="2" t="s">
        <v>1419</v>
      </c>
      <c r="K182" s="2" t="s">
        <v>29</v>
      </c>
      <c r="L182" s="2" t="s">
        <v>30</v>
      </c>
      <c r="M182" s="2" t="s">
        <v>1131</v>
      </c>
      <c r="N182" s="2" t="s">
        <v>183</v>
      </c>
      <c r="O182" s="2" t="s">
        <v>189</v>
      </c>
      <c r="P182" s="2" t="s">
        <v>118</v>
      </c>
      <c r="Q182" s="2" t="s">
        <v>34</v>
      </c>
      <c r="R182" s="2" t="s">
        <v>35</v>
      </c>
      <c r="S182" s="2" t="s">
        <v>1420</v>
      </c>
      <c r="T182" s="2" t="s">
        <v>34</v>
      </c>
      <c r="U182" s="2" t="s">
        <v>34</v>
      </c>
      <c r="V182" s="2" t="s">
        <v>1072</v>
      </c>
    </row>
    <row r="183" spans="1:22" x14ac:dyDescent="0.25">
      <c r="A183" s="2" t="s">
        <v>843</v>
      </c>
      <c r="B183" s="3" t="s">
        <v>528</v>
      </c>
      <c r="C183" s="2" t="s">
        <v>529</v>
      </c>
      <c r="D183" s="4" t="s">
        <v>259</v>
      </c>
      <c r="E183" s="2" t="s">
        <v>1303</v>
      </c>
      <c r="F183" s="2" t="s">
        <v>1421</v>
      </c>
      <c r="G183" s="2" t="s">
        <v>1422</v>
      </c>
      <c r="H183" s="2" t="s">
        <v>27</v>
      </c>
      <c r="I183" s="2" t="s">
        <v>1423</v>
      </c>
      <c r="J183" s="2" t="s">
        <v>1424</v>
      </c>
      <c r="K183" s="2" t="s">
        <v>29</v>
      </c>
      <c r="L183" s="2" t="s">
        <v>895</v>
      </c>
      <c r="M183" s="2" t="s">
        <v>1308</v>
      </c>
      <c r="N183" s="2" t="s">
        <v>1309</v>
      </c>
      <c r="O183" s="2" t="s">
        <v>1425</v>
      </c>
      <c r="P183" s="2" t="s">
        <v>118</v>
      </c>
      <c r="Q183" s="2" t="s">
        <v>857</v>
      </c>
      <c r="R183" s="2" t="s">
        <v>35</v>
      </c>
      <c r="S183" s="2" t="s">
        <v>1426</v>
      </c>
      <c r="T183" s="2" t="s">
        <v>34</v>
      </c>
      <c r="U183" s="2" t="s">
        <v>34</v>
      </c>
      <c r="V183" s="2" t="s">
        <v>34</v>
      </c>
    </row>
    <row r="184" spans="1:22" x14ac:dyDescent="0.25">
      <c r="A184" s="2"/>
      <c r="B184" s="3"/>
      <c r="C184" s="2"/>
      <c r="D184" s="4"/>
      <c r="E184" s="5" t="s">
        <v>1000</v>
      </c>
      <c r="F184" s="2"/>
      <c r="G184" s="2"/>
      <c r="H184" s="2"/>
      <c r="I184" s="2"/>
      <c r="J184" s="2"/>
      <c r="K184" s="2"/>
      <c r="L184" s="2"/>
      <c r="M184" s="2"/>
      <c r="N184" s="2"/>
      <c r="O184" s="2"/>
      <c r="P184" s="2"/>
      <c r="Q184" s="2"/>
      <c r="R184" s="2"/>
      <c r="S184" s="2"/>
      <c r="T184" s="2"/>
      <c r="U184" s="2"/>
      <c r="V184" s="2"/>
    </row>
    <row r="185" spans="1:22" x14ac:dyDescent="0.25">
      <c r="A185" s="2"/>
      <c r="B185" s="3"/>
      <c r="C185" s="2"/>
      <c r="D185" s="4"/>
      <c r="E185" s="2"/>
      <c r="F185" s="2"/>
      <c r="G185" s="2"/>
      <c r="H185" s="2"/>
      <c r="I185" s="2"/>
      <c r="J185" s="2"/>
      <c r="K185" s="2"/>
      <c r="L185" s="2"/>
      <c r="M185" s="2"/>
      <c r="N185" s="2"/>
      <c r="O185" s="2"/>
      <c r="P185" s="2"/>
      <c r="Q185" s="2"/>
      <c r="R185" s="2"/>
      <c r="S185" s="2"/>
      <c r="T185" s="2"/>
      <c r="U185" s="2"/>
      <c r="V185" s="2"/>
    </row>
    <row r="186" spans="1:22" x14ac:dyDescent="0.25">
      <c r="A186" s="2" t="s">
        <v>843</v>
      </c>
      <c r="B186" s="3" t="s">
        <v>640</v>
      </c>
      <c r="C186" s="2" t="s">
        <v>641</v>
      </c>
      <c r="D186" s="4" t="s">
        <v>24</v>
      </c>
      <c r="E186" s="2" t="s">
        <v>1427</v>
      </c>
      <c r="F186" s="2" t="s">
        <v>34</v>
      </c>
      <c r="G186" s="2" t="s">
        <v>34</v>
      </c>
      <c r="H186" s="2" t="s">
        <v>34</v>
      </c>
      <c r="I186" s="2" t="s">
        <v>204</v>
      </c>
      <c r="J186" s="2" t="s">
        <v>1428</v>
      </c>
      <c r="K186" s="2" t="s">
        <v>115</v>
      </c>
      <c r="L186" s="2" t="s">
        <v>30</v>
      </c>
      <c r="M186" s="2" t="s">
        <v>31</v>
      </c>
      <c r="N186" s="2" t="s">
        <v>220</v>
      </c>
      <c r="O186" s="2" t="s">
        <v>1429</v>
      </c>
      <c r="P186" s="2" t="s">
        <v>34</v>
      </c>
      <c r="Q186" s="2" t="s">
        <v>34</v>
      </c>
      <c r="R186" s="2" t="s">
        <v>35</v>
      </c>
      <c r="S186" s="2" t="s">
        <v>1430</v>
      </c>
      <c r="T186" s="2" t="s">
        <v>34</v>
      </c>
      <c r="U186" s="2" t="s">
        <v>34</v>
      </c>
      <c r="V186" s="2" t="s">
        <v>34</v>
      </c>
    </row>
    <row r="187" spans="1:22" x14ac:dyDescent="0.25">
      <c r="A187" s="2" t="s">
        <v>843</v>
      </c>
      <c r="B187" s="3" t="s">
        <v>640</v>
      </c>
      <c r="C187" s="2" t="s">
        <v>641</v>
      </c>
      <c r="D187" s="4" t="s">
        <v>41</v>
      </c>
      <c r="E187" s="2" t="s">
        <v>935</v>
      </c>
      <c r="F187" s="2" t="s">
        <v>1269</v>
      </c>
      <c r="G187" s="2" t="s">
        <v>91</v>
      </c>
      <c r="H187" s="2" t="s">
        <v>86</v>
      </c>
      <c r="I187" s="2" t="s">
        <v>34</v>
      </c>
      <c r="J187" s="2" t="s">
        <v>1270</v>
      </c>
      <c r="K187" s="2" t="s">
        <v>29</v>
      </c>
      <c r="L187" s="2" t="s">
        <v>30</v>
      </c>
      <c r="M187" s="2" t="s">
        <v>31</v>
      </c>
      <c r="N187" s="2" t="s">
        <v>49</v>
      </c>
      <c r="O187" s="2" t="s">
        <v>189</v>
      </c>
      <c r="P187" s="2" t="s">
        <v>118</v>
      </c>
      <c r="Q187" s="2" t="s">
        <v>34</v>
      </c>
      <c r="R187" s="2" t="s">
        <v>35</v>
      </c>
      <c r="S187" s="2" t="s">
        <v>1271</v>
      </c>
      <c r="T187" s="2" t="s">
        <v>34</v>
      </c>
      <c r="U187" s="2" t="s">
        <v>34</v>
      </c>
      <c r="V187" s="2" t="s">
        <v>34</v>
      </c>
    </row>
    <row r="188" spans="1:22" x14ac:dyDescent="0.25">
      <c r="A188" s="2" t="s">
        <v>843</v>
      </c>
      <c r="B188" s="3" t="s">
        <v>640</v>
      </c>
      <c r="C188" s="2" t="s">
        <v>641</v>
      </c>
      <c r="D188" s="4" t="s">
        <v>63</v>
      </c>
      <c r="E188" s="2" t="s">
        <v>853</v>
      </c>
      <c r="F188" s="2" t="s">
        <v>1260</v>
      </c>
      <c r="G188" s="2" t="s">
        <v>235</v>
      </c>
      <c r="H188" s="2" t="s">
        <v>86</v>
      </c>
      <c r="I188" s="2" t="s">
        <v>861</v>
      </c>
      <c r="J188" s="2" t="s">
        <v>1261</v>
      </c>
      <c r="K188" s="2" t="s">
        <v>29</v>
      </c>
      <c r="L188" s="2" t="s">
        <v>30</v>
      </c>
      <c r="M188" s="2" t="s">
        <v>116</v>
      </c>
      <c r="N188" s="2" t="s">
        <v>183</v>
      </c>
      <c r="O188" s="2" t="s">
        <v>189</v>
      </c>
      <c r="P188" s="2" t="s">
        <v>118</v>
      </c>
      <c r="Q188" s="2" t="s">
        <v>34</v>
      </c>
      <c r="R188" s="2" t="s">
        <v>35</v>
      </c>
      <c r="S188" s="2" t="s">
        <v>1262</v>
      </c>
      <c r="T188" s="2" t="s">
        <v>34</v>
      </c>
      <c r="U188" s="2" t="s">
        <v>34</v>
      </c>
      <c r="V188" s="2" t="s">
        <v>34</v>
      </c>
    </row>
    <row r="189" spans="1:22" x14ac:dyDescent="0.25">
      <c r="A189" s="2" t="s">
        <v>843</v>
      </c>
      <c r="B189" s="3" t="s">
        <v>640</v>
      </c>
      <c r="C189" s="2" t="s">
        <v>641</v>
      </c>
      <c r="D189" s="4" t="s">
        <v>864</v>
      </c>
      <c r="E189" s="2" t="s">
        <v>853</v>
      </c>
      <c r="F189" s="2" t="s">
        <v>1388</v>
      </c>
      <c r="G189" s="2" t="s">
        <v>38</v>
      </c>
      <c r="H189" s="2" t="s">
        <v>86</v>
      </c>
      <c r="I189" s="2" t="s">
        <v>861</v>
      </c>
      <c r="J189" s="2" t="s">
        <v>1389</v>
      </c>
      <c r="K189" s="2" t="s">
        <v>29</v>
      </c>
      <c r="L189" s="2" t="s">
        <v>30</v>
      </c>
      <c r="M189" s="2" t="s">
        <v>116</v>
      </c>
      <c r="N189" s="2" t="s">
        <v>183</v>
      </c>
      <c r="O189" s="2" t="s">
        <v>189</v>
      </c>
      <c r="P189" s="2" t="s">
        <v>118</v>
      </c>
      <c r="Q189" s="2" t="s">
        <v>34</v>
      </c>
      <c r="R189" s="2" t="s">
        <v>35</v>
      </c>
      <c r="S189" s="2" t="s">
        <v>1390</v>
      </c>
      <c r="T189" s="2" t="s">
        <v>34</v>
      </c>
      <c r="U189" s="2" t="s">
        <v>34</v>
      </c>
      <c r="V189" s="2" t="s">
        <v>34</v>
      </c>
    </row>
    <row r="190" spans="1:22" x14ac:dyDescent="0.25">
      <c r="A190" s="2" t="s">
        <v>843</v>
      </c>
      <c r="B190" s="3" t="s">
        <v>640</v>
      </c>
      <c r="C190" s="2" t="s">
        <v>641</v>
      </c>
      <c r="D190" s="4" t="s">
        <v>1166</v>
      </c>
      <c r="E190" s="2" t="s">
        <v>853</v>
      </c>
      <c r="F190" s="2" t="s">
        <v>1153</v>
      </c>
      <c r="G190" s="2" t="s">
        <v>193</v>
      </c>
      <c r="H190" s="2" t="s">
        <v>86</v>
      </c>
      <c r="I190" s="2" t="s">
        <v>861</v>
      </c>
      <c r="J190" s="2" t="s">
        <v>1154</v>
      </c>
      <c r="K190" s="2" t="s">
        <v>29</v>
      </c>
      <c r="L190" s="2" t="s">
        <v>30</v>
      </c>
      <c r="M190" s="2" t="s">
        <v>116</v>
      </c>
      <c r="N190" s="2" t="s">
        <v>183</v>
      </c>
      <c r="O190" s="2" t="s">
        <v>189</v>
      </c>
      <c r="P190" s="2" t="s">
        <v>118</v>
      </c>
      <c r="Q190" s="2" t="s">
        <v>34</v>
      </c>
      <c r="R190" s="2" t="s">
        <v>35</v>
      </c>
      <c r="S190" s="2" t="s">
        <v>1155</v>
      </c>
      <c r="T190" s="2" t="s">
        <v>34</v>
      </c>
      <c r="U190" s="2" t="s">
        <v>34</v>
      </c>
      <c r="V190" s="2" t="s">
        <v>34</v>
      </c>
    </row>
    <row r="191" spans="1:22" x14ac:dyDescent="0.25">
      <c r="A191" s="2" t="s">
        <v>843</v>
      </c>
      <c r="B191" s="3" t="s">
        <v>640</v>
      </c>
      <c r="C191" s="2" t="s">
        <v>641</v>
      </c>
      <c r="D191" s="4" t="s">
        <v>1170</v>
      </c>
      <c r="E191" s="2" t="s">
        <v>853</v>
      </c>
      <c r="F191" s="2" t="s">
        <v>1156</v>
      </c>
      <c r="G191" s="2" t="s">
        <v>331</v>
      </c>
      <c r="H191" s="2" t="s">
        <v>86</v>
      </c>
      <c r="I191" s="2" t="s">
        <v>861</v>
      </c>
      <c r="J191" s="2" t="s">
        <v>1157</v>
      </c>
      <c r="K191" s="2" t="s">
        <v>29</v>
      </c>
      <c r="L191" s="2" t="s">
        <v>30</v>
      </c>
      <c r="M191" s="2" t="s">
        <v>116</v>
      </c>
      <c r="N191" s="2" t="s">
        <v>183</v>
      </c>
      <c r="O191" s="2" t="s">
        <v>189</v>
      </c>
      <c r="P191" s="2" t="s">
        <v>118</v>
      </c>
      <c r="Q191" s="2" t="s">
        <v>34</v>
      </c>
      <c r="R191" s="2" t="s">
        <v>35</v>
      </c>
      <c r="S191" s="2" t="s">
        <v>1158</v>
      </c>
      <c r="T191" s="2" t="s">
        <v>34</v>
      </c>
      <c r="U191" s="2" t="s">
        <v>34</v>
      </c>
      <c r="V191" s="2" t="s">
        <v>34</v>
      </c>
    </row>
    <row r="192" spans="1:22" x14ac:dyDescent="0.25">
      <c r="A192" s="2" t="s">
        <v>843</v>
      </c>
      <c r="B192" s="3" t="s">
        <v>640</v>
      </c>
      <c r="C192" s="2" t="s">
        <v>641</v>
      </c>
      <c r="D192" s="4" t="s">
        <v>1176</v>
      </c>
      <c r="E192" s="2" t="s">
        <v>853</v>
      </c>
      <c r="F192" s="2" t="s">
        <v>1160</v>
      </c>
      <c r="G192" s="2" t="s">
        <v>483</v>
      </c>
      <c r="H192" s="2" t="s">
        <v>86</v>
      </c>
      <c r="I192" s="2" t="s">
        <v>861</v>
      </c>
      <c r="J192" s="2" t="s">
        <v>1161</v>
      </c>
      <c r="K192" s="2" t="s">
        <v>29</v>
      </c>
      <c r="L192" s="2" t="s">
        <v>30</v>
      </c>
      <c r="M192" s="2" t="s">
        <v>116</v>
      </c>
      <c r="N192" s="2" t="s">
        <v>183</v>
      </c>
      <c r="O192" s="2" t="s">
        <v>189</v>
      </c>
      <c r="P192" s="2" t="s">
        <v>118</v>
      </c>
      <c r="Q192" s="2" t="s">
        <v>34</v>
      </c>
      <c r="R192" s="2" t="s">
        <v>35</v>
      </c>
      <c r="S192" s="2" t="s">
        <v>1162</v>
      </c>
      <c r="T192" s="2" t="s">
        <v>34</v>
      </c>
      <c r="U192" s="2" t="s">
        <v>34</v>
      </c>
      <c r="V192" s="2" t="s">
        <v>34</v>
      </c>
    </row>
    <row r="193" spans="1:22" x14ac:dyDescent="0.25">
      <c r="A193" s="2" t="s">
        <v>843</v>
      </c>
      <c r="B193" s="3" t="s">
        <v>640</v>
      </c>
      <c r="C193" s="2" t="s">
        <v>641</v>
      </c>
      <c r="D193" s="4" t="s">
        <v>1180</v>
      </c>
      <c r="E193" s="2" t="s">
        <v>853</v>
      </c>
      <c r="F193" s="2" t="s">
        <v>1392</v>
      </c>
      <c r="G193" s="2" t="s">
        <v>534</v>
      </c>
      <c r="H193" s="2" t="s">
        <v>86</v>
      </c>
      <c r="I193" s="2" t="s">
        <v>861</v>
      </c>
      <c r="J193" s="2" t="s">
        <v>1393</v>
      </c>
      <c r="K193" s="2" t="s">
        <v>29</v>
      </c>
      <c r="L193" s="2" t="s">
        <v>30</v>
      </c>
      <c r="M193" s="2" t="s">
        <v>116</v>
      </c>
      <c r="N193" s="2" t="s">
        <v>183</v>
      </c>
      <c r="O193" s="2" t="s">
        <v>189</v>
      </c>
      <c r="P193" s="2" t="s">
        <v>118</v>
      </c>
      <c r="Q193" s="2" t="s">
        <v>34</v>
      </c>
      <c r="R193" s="2" t="s">
        <v>35</v>
      </c>
      <c r="S193" s="2" t="s">
        <v>1394</v>
      </c>
      <c r="T193" s="2" t="s">
        <v>34</v>
      </c>
      <c r="U193" s="2" t="s">
        <v>34</v>
      </c>
      <c r="V193" s="2" t="s">
        <v>34</v>
      </c>
    </row>
    <row r="194" spans="1:22" x14ac:dyDescent="0.25">
      <c r="A194" s="2" t="s">
        <v>843</v>
      </c>
      <c r="B194" s="3" t="s">
        <v>640</v>
      </c>
      <c r="C194" s="2" t="s">
        <v>641</v>
      </c>
      <c r="D194" s="4" t="s">
        <v>98</v>
      </c>
      <c r="E194" s="2" t="s">
        <v>853</v>
      </c>
      <c r="F194" s="2" t="s">
        <v>1049</v>
      </c>
      <c r="G194" s="2" t="s">
        <v>95</v>
      </c>
      <c r="H194" s="2" t="s">
        <v>86</v>
      </c>
      <c r="I194" s="2" t="s">
        <v>861</v>
      </c>
      <c r="J194" s="2" t="s">
        <v>1050</v>
      </c>
      <c r="K194" s="2" t="s">
        <v>29</v>
      </c>
      <c r="L194" s="2" t="s">
        <v>30</v>
      </c>
      <c r="M194" s="2" t="s">
        <v>116</v>
      </c>
      <c r="N194" s="2" t="s">
        <v>183</v>
      </c>
      <c r="O194" s="2" t="s">
        <v>189</v>
      </c>
      <c r="P194" s="2" t="s">
        <v>118</v>
      </c>
      <c r="Q194" s="2" t="s">
        <v>34</v>
      </c>
      <c r="R194" s="2" t="s">
        <v>35</v>
      </c>
      <c r="S194" s="2" t="s">
        <v>1051</v>
      </c>
      <c r="T194" s="2" t="s">
        <v>34</v>
      </c>
      <c r="U194" s="2" t="s">
        <v>34</v>
      </c>
      <c r="V194" s="2" t="s">
        <v>34</v>
      </c>
    </row>
    <row r="195" spans="1:22" x14ac:dyDescent="0.25">
      <c r="A195" s="2" t="s">
        <v>843</v>
      </c>
      <c r="B195" s="3" t="s">
        <v>640</v>
      </c>
      <c r="C195" s="2" t="s">
        <v>641</v>
      </c>
      <c r="D195" s="4" t="s">
        <v>1188</v>
      </c>
      <c r="E195" s="2" t="s">
        <v>853</v>
      </c>
      <c r="F195" s="2" t="s">
        <v>1053</v>
      </c>
      <c r="G195" s="2" t="s">
        <v>290</v>
      </c>
      <c r="H195" s="2" t="s">
        <v>86</v>
      </c>
      <c r="I195" s="2" t="s">
        <v>861</v>
      </c>
      <c r="J195" s="2" t="s">
        <v>1054</v>
      </c>
      <c r="K195" s="2" t="s">
        <v>29</v>
      </c>
      <c r="L195" s="2" t="s">
        <v>30</v>
      </c>
      <c r="M195" s="2" t="s">
        <v>116</v>
      </c>
      <c r="N195" s="2" t="s">
        <v>183</v>
      </c>
      <c r="O195" s="2" t="s">
        <v>189</v>
      </c>
      <c r="P195" s="2" t="s">
        <v>118</v>
      </c>
      <c r="Q195" s="2" t="s">
        <v>34</v>
      </c>
      <c r="R195" s="2" t="s">
        <v>35</v>
      </c>
      <c r="S195" s="2" t="s">
        <v>1055</v>
      </c>
      <c r="T195" s="2" t="s">
        <v>34</v>
      </c>
      <c r="U195" s="2" t="s">
        <v>34</v>
      </c>
      <c r="V195" s="2" t="s">
        <v>34</v>
      </c>
    </row>
    <row r="196" spans="1:22" x14ac:dyDescent="0.25">
      <c r="A196" s="2" t="s">
        <v>843</v>
      </c>
      <c r="B196" s="3" t="s">
        <v>640</v>
      </c>
      <c r="C196" s="2" t="s">
        <v>641</v>
      </c>
      <c r="D196" s="4" t="s">
        <v>1048</v>
      </c>
      <c r="E196" s="2" t="s">
        <v>853</v>
      </c>
      <c r="F196" s="2" t="s">
        <v>1431</v>
      </c>
      <c r="G196" s="2" t="s">
        <v>373</v>
      </c>
      <c r="H196" s="2" t="s">
        <v>86</v>
      </c>
      <c r="I196" s="2" t="s">
        <v>861</v>
      </c>
      <c r="J196" s="2" t="s">
        <v>1432</v>
      </c>
      <c r="K196" s="2" t="s">
        <v>29</v>
      </c>
      <c r="L196" s="2" t="s">
        <v>30</v>
      </c>
      <c r="M196" s="2" t="s">
        <v>116</v>
      </c>
      <c r="N196" s="2" t="s">
        <v>183</v>
      </c>
      <c r="O196" s="2" t="s">
        <v>189</v>
      </c>
      <c r="P196" s="2" t="s">
        <v>118</v>
      </c>
      <c r="Q196" s="2" t="s">
        <v>34</v>
      </c>
      <c r="R196" s="2" t="s">
        <v>35</v>
      </c>
      <c r="S196" s="2" t="s">
        <v>1433</v>
      </c>
      <c r="T196" s="2" t="s">
        <v>34</v>
      </c>
      <c r="U196" s="2" t="s">
        <v>34</v>
      </c>
      <c r="V196" s="2" t="s">
        <v>34</v>
      </c>
    </row>
    <row r="197" spans="1:22" x14ac:dyDescent="0.25">
      <c r="A197" s="2" t="s">
        <v>843</v>
      </c>
      <c r="B197" s="3" t="s">
        <v>640</v>
      </c>
      <c r="C197" s="2" t="s">
        <v>641</v>
      </c>
      <c r="D197" s="4" t="s">
        <v>1434</v>
      </c>
      <c r="E197" s="2" t="s">
        <v>853</v>
      </c>
      <c r="F197" s="2" t="s">
        <v>1435</v>
      </c>
      <c r="G197" s="2" t="s">
        <v>274</v>
      </c>
      <c r="H197" s="2" t="s">
        <v>86</v>
      </c>
      <c r="I197" s="2" t="s">
        <v>861</v>
      </c>
      <c r="J197" s="2" t="s">
        <v>1436</v>
      </c>
      <c r="K197" s="2" t="s">
        <v>29</v>
      </c>
      <c r="L197" s="2" t="s">
        <v>30</v>
      </c>
      <c r="M197" s="2" t="s">
        <v>116</v>
      </c>
      <c r="N197" s="2" t="s">
        <v>183</v>
      </c>
      <c r="O197" s="2" t="s">
        <v>189</v>
      </c>
      <c r="P197" s="2" t="s">
        <v>118</v>
      </c>
      <c r="Q197" s="2" t="s">
        <v>34</v>
      </c>
      <c r="R197" s="2" t="s">
        <v>35</v>
      </c>
      <c r="S197" s="2" t="s">
        <v>1437</v>
      </c>
      <c r="T197" s="2" t="s">
        <v>34</v>
      </c>
      <c r="U197" s="2" t="s">
        <v>34</v>
      </c>
      <c r="V197" s="2" t="s">
        <v>34</v>
      </c>
    </row>
    <row r="198" spans="1:22" x14ac:dyDescent="0.25">
      <c r="A198" s="2" t="s">
        <v>843</v>
      </c>
      <c r="B198" s="3" t="s">
        <v>640</v>
      </c>
      <c r="C198" s="2" t="s">
        <v>641</v>
      </c>
      <c r="D198" s="4" t="s">
        <v>1197</v>
      </c>
      <c r="E198" s="2" t="s">
        <v>865</v>
      </c>
      <c r="F198" s="2" t="s">
        <v>1198</v>
      </c>
      <c r="G198" s="2" t="s">
        <v>45</v>
      </c>
      <c r="H198" s="2" t="s">
        <v>45</v>
      </c>
      <c r="I198" s="2" t="s">
        <v>34</v>
      </c>
      <c r="J198" s="2" t="s">
        <v>1199</v>
      </c>
      <c r="K198" s="2" t="s">
        <v>29</v>
      </c>
      <c r="L198" s="2" t="s">
        <v>30</v>
      </c>
      <c r="M198" s="2" t="s">
        <v>31</v>
      </c>
      <c r="N198" s="2" t="s">
        <v>183</v>
      </c>
      <c r="O198" s="2" t="s">
        <v>249</v>
      </c>
      <c r="P198" s="2" t="s">
        <v>118</v>
      </c>
      <c r="Q198" s="2" t="s">
        <v>34</v>
      </c>
      <c r="R198" s="2" t="s">
        <v>35</v>
      </c>
      <c r="S198" s="2" t="s">
        <v>1200</v>
      </c>
      <c r="T198" s="2" t="s">
        <v>34</v>
      </c>
      <c r="U198" s="2" t="s">
        <v>34</v>
      </c>
      <c r="V198" s="2" t="s">
        <v>34</v>
      </c>
    </row>
    <row r="199" spans="1:22" x14ac:dyDescent="0.25">
      <c r="A199" s="2" t="s">
        <v>843</v>
      </c>
      <c r="B199" s="3" t="s">
        <v>640</v>
      </c>
      <c r="C199" s="2" t="s">
        <v>641</v>
      </c>
      <c r="D199" s="4" t="s">
        <v>120</v>
      </c>
      <c r="E199" s="2" t="s">
        <v>865</v>
      </c>
      <c r="F199" s="2" t="s">
        <v>1201</v>
      </c>
      <c r="G199" s="2" t="s">
        <v>27</v>
      </c>
      <c r="H199" s="2" t="s">
        <v>45</v>
      </c>
      <c r="I199" s="2" t="s">
        <v>34</v>
      </c>
      <c r="J199" s="2" t="s">
        <v>1202</v>
      </c>
      <c r="K199" s="2" t="s">
        <v>29</v>
      </c>
      <c r="L199" s="2" t="s">
        <v>30</v>
      </c>
      <c r="M199" s="2" t="s">
        <v>31</v>
      </c>
      <c r="N199" s="2" t="s">
        <v>183</v>
      </c>
      <c r="O199" s="2" t="s">
        <v>249</v>
      </c>
      <c r="P199" s="2" t="s">
        <v>118</v>
      </c>
      <c r="Q199" s="2" t="s">
        <v>34</v>
      </c>
      <c r="R199" s="2" t="s">
        <v>35</v>
      </c>
      <c r="S199" s="2" t="s">
        <v>1203</v>
      </c>
      <c r="T199" s="2" t="s">
        <v>34</v>
      </c>
      <c r="U199" s="2" t="s">
        <v>34</v>
      </c>
      <c r="V199" s="2" t="s">
        <v>34</v>
      </c>
    </row>
    <row r="200" spans="1:22" x14ac:dyDescent="0.25">
      <c r="A200" s="2" t="s">
        <v>843</v>
      </c>
      <c r="B200" s="3" t="s">
        <v>640</v>
      </c>
      <c r="C200" s="2" t="s">
        <v>641</v>
      </c>
      <c r="D200" s="4" t="s">
        <v>1204</v>
      </c>
      <c r="E200" s="2" t="s">
        <v>853</v>
      </c>
      <c r="F200" s="2" t="s">
        <v>1438</v>
      </c>
      <c r="G200" s="2" t="s">
        <v>75</v>
      </c>
      <c r="H200" s="2" t="s">
        <v>45</v>
      </c>
      <c r="I200" s="2" t="s">
        <v>861</v>
      </c>
      <c r="J200" s="2" t="s">
        <v>1439</v>
      </c>
      <c r="K200" s="2" t="s">
        <v>29</v>
      </c>
      <c r="L200" s="2" t="s">
        <v>30</v>
      </c>
      <c r="M200" s="2" t="s">
        <v>116</v>
      </c>
      <c r="N200" s="2" t="s">
        <v>220</v>
      </c>
      <c r="O200" s="2" t="s">
        <v>189</v>
      </c>
      <c r="P200" s="2" t="s">
        <v>118</v>
      </c>
      <c r="Q200" s="2" t="s">
        <v>857</v>
      </c>
      <c r="R200" s="2" t="s">
        <v>35</v>
      </c>
      <c r="S200" s="2" t="s">
        <v>1440</v>
      </c>
      <c r="T200" s="2" t="s">
        <v>34</v>
      </c>
      <c r="U200" s="2" t="s">
        <v>34</v>
      </c>
      <c r="V200" s="2" t="s">
        <v>34</v>
      </c>
    </row>
    <row r="201" spans="1:22" x14ac:dyDescent="0.25">
      <c r="A201" s="2" t="s">
        <v>843</v>
      </c>
      <c r="B201" s="3" t="s">
        <v>640</v>
      </c>
      <c r="C201" s="2" t="s">
        <v>641</v>
      </c>
      <c r="D201" s="4" t="s">
        <v>138</v>
      </c>
      <c r="E201" s="2" t="s">
        <v>853</v>
      </c>
      <c r="F201" s="2" t="s">
        <v>1441</v>
      </c>
      <c r="G201" s="2" t="s">
        <v>167</v>
      </c>
      <c r="H201" s="2" t="s">
        <v>45</v>
      </c>
      <c r="I201" s="2" t="s">
        <v>861</v>
      </c>
      <c r="J201" s="2" t="s">
        <v>1442</v>
      </c>
      <c r="K201" s="2" t="s">
        <v>29</v>
      </c>
      <c r="L201" s="2" t="s">
        <v>30</v>
      </c>
      <c r="M201" s="2" t="s">
        <v>116</v>
      </c>
      <c r="N201" s="2" t="s">
        <v>220</v>
      </c>
      <c r="O201" s="2" t="s">
        <v>189</v>
      </c>
      <c r="P201" s="2" t="s">
        <v>118</v>
      </c>
      <c r="Q201" s="2" t="s">
        <v>857</v>
      </c>
      <c r="R201" s="2" t="s">
        <v>35</v>
      </c>
      <c r="S201" s="2" t="s">
        <v>1443</v>
      </c>
      <c r="T201" s="2" t="s">
        <v>34</v>
      </c>
      <c r="U201" s="2" t="s">
        <v>34</v>
      </c>
      <c r="V201" s="2" t="s">
        <v>34</v>
      </c>
    </row>
    <row r="202" spans="1:22" x14ac:dyDescent="0.25">
      <c r="A202" s="2" t="s">
        <v>843</v>
      </c>
      <c r="B202" s="3" t="s">
        <v>640</v>
      </c>
      <c r="C202" s="2" t="s">
        <v>641</v>
      </c>
      <c r="D202" s="4" t="s">
        <v>1211</v>
      </c>
      <c r="E202" s="2" t="s">
        <v>914</v>
      </c>
      <c r="F202" s="2" t="s">
        <v>919</v>
      </c>
      <c r="G202" s="2" t="s">
        <v>274</v>
      </c>
      <c r="H202" s="2" t="s">
        <v>86</v>
      </c>
      <c r="I202" s="2" t="s">
        <v>34</v>
      </c>
      <c r="J202" s="2" t="s">
        <v>1444</v>
      </c>
      <c r="K202" s="2" t="s">
        <v>29</v>
      </c>
      <c r="L202" s="2" t="s">
        <v>30</v>
      </c>
      <c r="M202" s="2" t="s">
        <v>31</v>
      </c>
      <c r="N202" s="2" t="s">
        <v>49</v>
      </c>
      <c r="O202" s="2" t="s">
        <v>189</v>
      </c>
      <c r="P202" s="2" t="s">
        <v>118</v>
      </c>
      <c r="Q202" s="2" t="s">
        <v>34</v>
      </c>
      <c r="R202" s="2" t="s">
        <v>35</v>
      </c>
      <c r="S202" s="2" t="s">
        <v>1445</v>
      </c>
      <c r="T202" s="2" t="s">
        <v>1263</v>
      </c>
      <c r="U202" s="2" t="s">
        <v>34</v>
      </c>
      <c r="V202" s="2" t="s">
        <v>34</v>
      </c>
    </row>
    <row r="203" spans="1:22" x14ac:dyDescent="0.25">
      <c r="A203" s="2" t="s">
        <v>843</v>
      </c>
      <c r="B203" s="3" t="s">
        <v>640</v>
      </c>
      <c r="C203" s="2" t="s">
        <v>641</v>
      </c>
      <c r="D203" s="4" t="s">
        <v>144</v>
      </c>
      <c r="E203" s="2" t="s">
        <v>914</v>
      </c>
      <c r="F203" s="2" t="s">
        <v>1446</v>
      </c>
      <c r="G203" s="2" t="s">
        <v>331</v>
      </c>
      <c r="H203" s="2" t="s">
        <v>86</v>
      </c>
      <c r="I203" s="2" t="s">
        <v>34</v>
      </c>
      <c r="J203" s="2" t="s">
        <v>1447</v>
      </c>
      <c r="K203" s="2" t="s">
        <v>29</v>
      </c>
      <c r="L203" s="2" t="s">
        <v>30</v>
      </c>
      <c r="M203" s="2" t="s">
        <v>31</v>
      </c>
      <c r="N203" s="2" t="s">
        <v>49</v>
      </c>
      <c r="O203" s="2" t="s">
        <v>189</v>
      </c>
      <c r="P203" s="2" t="s">
        <v>118</v>
      </c>
      <c r="Q203" s="2" t="s">
        <v>34</v>
      </c>
      <c r="R203" s="2" t="s">
        <v>35</v>
      </c>
      <c r="S203" s="2" t="s">
        <v>1448</v>
      </c>
      <c r="T203" s="2" t="s">
        <v>34</v>
      </c>
      <c r="U203" s="2" t="s">
        <v>34</v>
      </c>
      <c r="V203" s="2" t="s">
        <v>34</v>
      </c>
    </row>
    <row r="204" spans="1:22" x14ac:dyDescent="0.25">
      <c r="A204" s="2" t="s">
        <v>843</v>
      </c>
      <c r="B204" s="3" t="s">
        <v>640</v>
      </c>
      <c r="C204" s="2" t="s">
        <v>641</v>
      </c>
      <c r="D204" s="4" t="s">
        <v>145</v>
      </c>
      <c r="E204" s="2" t="s">
        <v>853</v>
      </c>
      <c r="F204" s="2" t="s">
        <v>888</v>
      </c>
      <c r="G204" s="2" t="s">
        <v>429</v>
      </c>
      <c r="H204" s="2" t="s">
        <v>27</v>
      </c>
      <c r="I204" s="2" t="s">
        <v>861</v>
      </c>
      <c r="J204" s="2" t="s">
        <v>889</v>
      </c>
      <c r="K204" s="2" t="s">
        <v>29</v>
      </c>
      <c r="L204" s="2" t="s">
        <v>30</v>
      </c>
      <c r="M204" s="2" t="s">
        <v>116</v>
      </c>
      <c r="N204" s="2" t="s">
        <v>525</v>
      </c>
      <c r="O204" s="2" t="s">
        <v>189</v>
      </c>
      <c r="P204" s="2" t="s">
        <v>118</v>
      </c>
      <c r="Q204" s="2" t="s">
        <v>34</v>
      </c>
      <c r="R204" s="2" t="s">
        <v>35</v>
      </c>
      <c r="S204" s="2" t="s">
        <v>890</v>
      </c>
      <c r="T204" s="2" t="s">
        <v>34</v>
      </c>
      <c r="U204" s="2" t="s">
        <v>34</v>
      </c>
      <c r="V204" s="2" t="s">
        <v>34</v>
      </c>
    </row>
    <row r="205" spans="1:22" x14ac:dyDescent="0.25">
      <c r="A205" s="2" t="s">
        <v>843</v>
      </c>
      <c r="B205" s="3" t="s">
        <v>640</v>
      </c>
      <c r="C205" s="2" t="s">
        <v>641</v>
      </c>
      <c r="D205" s="4" t="s">
        <v>155</v>
      </c>
      <c r="E205" s="2" t="s">
        <v>853</v>
      </c>
      <c r="F205" s="2" t="s">
        <v>972</v>
      </c>
      <c r="G205" s="2" t="s">
        <v>400</v>
      </c>
      <c r="H205" s="2" t="s">
        <v>27</v>
      </c>
      <c r="I205" s="2" t="s">
        <v>861</v>
      </c>
      <c r="J205" s="2" t="s">
        <v>973</v>
      </c>
      <c r="K205" s="2" t="s">
        <v>29</v>
      </c>
      <c r="L205" s="2" t="s">
        <v>30</v>
      </c>
      <c r="M205" s="2" t="s">
        <v>116</v>
      </c>
      <c r="N205" s="2" t="s">
        <v>525</v>
      </c>
      <c r="O205" s="2" t="s">
        <v>189</v>
      </c>
      <c r="P205" s="2" t="s">
        <v>118</v>
      </c>
      <c r="Q205" s="2" t="s">
        <v>34</v>
      </c>
      <c r="R205" s="2" t="s">
        <v>35</v>
      </c>
      <c r="S205" s="2" t="s">
        <v>974</v>
      </c>
      <c r="T205" s="2" t="s">
        <v>34</v>
      </c>
      <c r="U205" s="2" t="s">
        <v>34</v>
      </c>
      <c r="V205" s="2" t="s">
        <v>34</v>
      </c>
    </row>
    <row r="206" spans="1:22" x14ac:dyDescent="0.25">
      <c r="A206" s="2" t="s">
        <v>843</v>
      </c>
      <c r="B206" s="3" t="s">
        <v>640</v>
      </c>
      <c r="C206" s="2" t="s">
        <v>641</v>
      </c>
      <c r="D206" s="4" t="s">
        <v>165</v>
      </c>
      <c r="E206" s="2" t="s">
        <v>853</v>
      </c>
      <c r="F206" s="2" t="s">
        <v>976</v>
      </c>
      <c r="G206" s="2" t="s">
        <v>283</v>
      </c>
      <c r="H206" s="2" t="s">
        <v>27</v>
      </c>
      <c r="I206" s="2" t="s">
        <v>861</v>
      </c>
      <c r="J206" s="2" t="s">
        <v>977</v>
      </c>
      <c r="K206" s="2" t="s">
        <v>29</v>
      </c>
      <c r="L206" s="2" t="s">
        <v>30</v>
      </c>
      <c r="M206" s="2" t="s">
        <v>116</v>
      </c>
      <c r="N206" s="2" t="s">
        <v>525</v>
      </c>
      <c r="O206" s="2" t="s">
        <v>189</v>
      </c>
      <c r="P206" s="2" t="s">
        <v>118</v>
      </c>
      <c r="Q206" s="2" t="s">
        <v>34</v>
      </c>
      <c r="R206" s="2" t="s">
        <v>35</v>
      </c>
      <c r="S206" s="2" t="s">
        <v>978</v>
      </c>
      <c r="T206" s="2" t="s">
        <v>34</v>
      </c>
      <c r="U206" s="2" t="s">
        <v>34</v>
      </c>
      <c r="V206" s="2" t="s">
        <v>34</v>
      </c>
    </row>
    <row r="207" spans="1:22" x14ac:dyDescent="0.25">
      <c r="A207" s="2" t="s">
        <v>843</v>
      </c>
      <c r="B207" s="3" t="s">
        <v>640</v>
      </c>
      <c r="C207" s="2" t="s">
        <v>641</v>
      </c>
      <c r="D207" s="4" t="s">
        <v>455</v>
      </c>
      <c r="E207" s="2" t="s">
        <v>1116</v>
      </c>
      <c r="F207" s="2" t="s">
        <v>1124</v>
      </c>
      <c r="G207" s="2" t="s">
        <v>453</v>
      </c>
      <c r="H207" s="2" t="s">
        <v>101</v>
      </c>
      <c r="I207" s="2" t="s">
        <v>34</v>
      </c>
      <c r="J207" s="2" t="s">
        <v>1118</v>
      </c>
      <c r="K207" s="2" t="s">
        <v>29</v>
      </c>
      <c r="L207" s="2" t="s">
        <v>30</v>
      </c>
      <c r="M207" s="2" t="s">
        <v>31</v>
      </c>
      <c r="N207" s="2" t="s">
        <v>183</v>
      </c>
      <c r="O207" s="2" t="s">
        <v>905</v>
      </c>
      <c r="P207" s="2" t="s">
        <v>118</v>
      </c>
      <c r="Q207" s="2" t="s">
        <v>34</v>
      </c>
      <c r="R207" s="2" t="s">
        <v>35</v>
      </c>
      <c r="S207" s="2" t="s">
        <v>1125</v>
      </c>
      <c r="T207" s="2" t="s">
        <v>34</v>
      </c>
      <c r="U207" s="2" t="s">
        <v>34</v>
      </c>
      <c r="V207" s="2" t="s">
        <v>34</v>
      </c>
    </row>
    <row r="208" spans="1:22" x14ac:dyDescent="0.25">
      <c r="A208" s="2" t="s">
        <v>843</v>
      </c>
      <c r="B208" s="3" t="s">
        <v>640</v>
      </c>
      <c r="C208" s="2" t="s">
        <v>641</v>
      </c>
      <c r="D208" s="4" t="s">
        <v>456</v>
      </c>
      <c r="E208" s="2" t="s">
        <v>1116</v>
      </c>
      <c r="F208" s="2" t="s">
        <v>1126</v>
      </c>
      <c r="G208" s="2" t="s">
        <v>458</v>
      </c>
      <c r="H208" s="2" t="s">
        <v>101</v>
      </c>
      <c r="I208" s="2" t="s">
        <v>34</v>
      </c>
      <c r="J208" s="2" t="s">
        <v>1118</v>
      </c>
      <c r="K208" s="2" t="s">
        <v>29</v>
      </c>
      <c r="L208" s="2" t="s">
        <v>30</v>
      </c>
      <c r="M208" s="2" t="s">
        <v>31</v>
      </c>
      <c r="N208" s="2" t="s">
        <v>183</v>
      </c>
      <c r="O208" s="2" t="s">
        <v>905</v>
      </c>
      <c r="P208" s="2" t="s">
        <v>118</v>
      </c>
      <c r="Q208" s="2" t="s">
        <v>34</v>
      </c>
      <c r="R208" s="2" t="s">
        <v>35</v>
      </c>
      <c r="S208" s="2" t="s">
        <v>1127</v>
      </c>
      <c r="T208" s="2" t="s">
        <v>34</v>
      </c>
      <c r="U208" s="2" t="s">
        <v>34</v>
      </c>
      <c r="V208" s="2" t="s">
        <v>34</v>
      </c>
    </row>
    <row r="209" spans="1:22" x14ac:dyDescent="0.25">
      <c r="A209" s="2" t="s">
        <v>843</v>
      </c>
      <c r="B209" s="3" t="s">
        <v>640</v>
      </c>
      <c r="C209" s="2" t="s">
        <v>641</v>
      </c>
      <c r="D209" s="4" t="s">
        <v>179</v>
      </c>
      <c r="E209" s="2" t="s">
        <v>1116</v>
      </c>
      <c r="F209" s="2" t="s">
        <v>1449</v>
      </c>
      <c r="G209" s="2" t="s">
        <v>424</v>
      </c>
      <c r="H209" s="2" t="s">
        <v>101</v>
      </c>
      <c r="I209" s="2" t="s">
        <v>34</v>
      </c>
      <c r="J209" s="2" t="s">
        <v>1118</v>
      </c>
      <c r="K209" s="2" t="s">
        <v>29</v>
      </c>
      <c r="L209" s="2" t="s">
        <v>30</v>
      </c>
      <c r="M209" s="2" t="s">
        <v>31</v>
      </c>
      <c r="N209" s="2" t="s">
        <v>183</v>
      </c>
      <c r="O209" s="2" t="s">
        <v>905</v>
      </c>
      <c r="P209" s="2" t="s">
        <v>118</v>
      </c>
      <c r="Q209" s="2" t="s">
        <v>34</v>
      </c>
      <c r="R209" s="2" t="s">
        <v>35</v>
      </c>
      <c r="S209" s="2" t="s">
        <v>1450</v>
      </c>
      <c r="T209" s="2" t="s">
        <v>34</v>
      </c>
      <c r="U209" s="2" t="s">
        <v>34</v>
      </c>
      <c r="V209" s="2" t="s">
        <v>34</v>
      </c>
    </row>
    <row r="210" spans="1:22" x14ac:dyDescent="0.25">
      <c r="A210" s="2" t="s">
        <v>843</v>
      </c>
      <c r="B210" s="3" t="s">
        <v>640</v>
      </c>
      <c r="C210" s="2" t="s">
        <v>641</v>
      </c>
      <c r="D210" s="4" t="s">
        <v>463</v>
      </c>
      <c r="E210" s="2" t="s">
        <v>1116</v>
      </c>
      <c r="F210" s="2" t="s">
        <v>1451</v>
      </c>
      <c r="G210" s="2" t="s">
        <v>429</v>
      </c>
      <c r="H210" s="2" t="s">
        <v>101</v>
      </c>
      <c r="I210" s="2" t="s">
        <v>34</v>
      </c>
      <c r="J210" s="2" t="s">
        <v>1118</v>
      </c>
      <c r="K210" s="2" t="s">
        <v>29</v>
      </c>
      <c r="L210" s="2" t="s">
        <v>30</v>
      </c>
      <c r="M210" s="2" t="s">
        <v>31</v>
      </c>
      <c r="N210" s="2" t="s">
        <v>183</v>
      </c>
      <c r="O210" s="2" t="s">
        <v>905</v>
      </c>
      <c r="P210" s="2" t="s">
        <v>118</v>
      </c>
      <c r="Q210" s="2" t="s">
        <v>34</v>
      </c>
      <c r="R210" s="2" t="s">
        <v>35</v>
      </c>
      <c r="S210" s="2" t="s">
        <v>1452</v>
      </c>
      <c r="T210" s="2" t="s">
        <v>34</v>
      </c>
      <c r="U210" s="2" t="s">
        <v>34</v>
      </c>
      <c r="V210" s="2" t="s">
        <v>34</v>
      </c>
    </row>
    <row r="211" spans="1:22" x14ac:dyDescent="0.25">
      <c r="A211" s="2" t="s">
        <v>843</v>
      </c>
      <c r="B211" s="3" t="s">
        <v>640</v>
      </c>
      <c r="C211" s="2" t="s">
        <v>641</v>
      </c>
      <c r="D211" s="4" t="s">
        <v>1250</v>
      </c>
      <c r="E211" s="2" t="s">
        <v>853</v>
      </c>
      <c r="F211" s="2" t="s">
        <v>1453</v>
      </c>
      <c r="G211" s="2" t="s">
        <v>324</v>
      </c>
      <c r="H211" s="2" t="s">
        <v>27</v>
      </c>
      <c r="I211" s="2" t="s">
        <v>861</v>
      </c>
      <c r="J211" s="2" t="s">
        <v>1454</v>
      </c>
      <c r="K211" s="2" t="s">
        <v>29</v>
      </c>
      <c r="L211" s="2" t="s">
        <v>34</v>
      </c>
      <c r="M211" s="2" t="s">
        <v>116</v>
      </c>
      <c r="N211" s="2" t="s">
        <v>525</v>
      </c>
      <c r="O211" s="2" t="s">
        <v>189</v>
      </c>
      <c r="P211" s="2" t="s">
        <v>118</v>
      </c>
      <c r="Q211" s="2" t="s">
        <v>34</v>
      </c>
      <c r="R211" s="2" t="s">
        <v>35</v>
      </c>
      <c r="S211" s="2" t="s">
        <v>1455</v>
      </c>
      <c r="T211" s="2" t="s">
        <v>34</v>
      </c>
      <c r="U211" s="2" t="s">
        <v>34</v>
      </c>
      <c r="V211" s="2" t="s">
        <v>34</v>
      </c>
    </row>
    <row r="212" spans="1:22" x14ac:dyDescent="0.25">
      <c r="A212" s="2" t="s">
        <v>843</v>
      </c>
      <c r="B212" s="3" t="s">
        <v>640</v>
      </c>
      <c r="C212" s="2" t="s">
        <v>641</v>
      </c>
      <c r="D212" s="4" t="s">
        <v>478</v>
      </c>
      <c r="E212" s="2" t="s">
        <v>853</v>
      </c>
      <c r="F212" s="2" t="s">
        <v>873</v>
      </c>
      <c r="G212" s="2" t="s">
        <v>449</v>
      </c>
      <c r="H212" s="2" t="s">
        <v>27</v>
      </c>
      <c r="I212" s="2" t="s">
        <v>861</v>
      </c>
      <c r="J212" s="2" t="s">
        <v>874</v>
      </c>
      <c r="K212" s="2" t="s">
        <v>29</v>
      </c>
      <c r="L212" s="2" t="s">
        <v>30</v>
      </c>
      <c r="M212" s="2" t="s">
        <v>116</v>
      </c>
      <c r="N212" s="2" t="s">
        <v>525</v>
      </c>
      <c r="O212" s="2" t="s">
        <v>189</v>
      </c>
      <c r="P212" s="2" t="s">
        <v>118</v>
      </c>
      <c r="Q212" s="2" t="s">
        <v>34</v>
      </c>
      <c r="R212" s="2" t="s">
        <v>35</v>
      </c>
      <c r="S212" s="2" t="s">
        <v>875</v>
      </c>
      <c r="T212" s="2" t="s">
        <v>34</v>
      </c>
      <c r="U212" s="2" t="s">
        <v>34</v>
      </c>
      <c r="V212" s="2" t="s">
        <v>34</v>
      </c>
    </row>
    <row r="213" spans="1:22" x14ac:dyDescent="0.25">
      <c r="A213" s="2" t="s">
        <v>843</v>
      </c>
      <c r="B213" s="3" t="s">
        <v>640</v>
      </c>
      <c r="C213" s="2" t="s">
        <v>641</v>
      </c>
      <c r="D213" s="4" t="s">
        <v>943</v>
      </c>
      <c r="E213" s="2" t="s">
        <v>865</v>
      </c>
      <c r="F213" s="2" t="s">
        <v>1456</v>
      </c>
      <c r="G213" s="2" t="s">
        <v>147</v>
      </c>
      <c r="H213" s="2" t="s">
        <v>45</v>
      </c>
      <c r="I213" s="2" t="s">
        <v>34</v>
      </c>
      <c r="J213" s="2" t="s">
        <v>1457</v>
      </c>
      <c r="K213" s="2" t="s">
        <v>29</v>
      </c>
      <c r="L213" s="2" t="s">
        <v>30</v>
      </c>
      <c r="M213" s="2" t="s">
        <v>31</v>
      </c>
      <c r="N213" s="2" t="s">
        <v>183</v>
      </c>
      <c r="O213" s="2" t="s">
        <v>249</v>
      </c>
      <c r="P213" s="2" t="s">
        <v>118</v>
      </c>
      <c r="Q213" s="2" t="s">
        <v>34</v>
      </c>
      <c r="R213" s="2" t="s">
        <v>35</v>
      </c>
      <c r="S213" s="2" t="s">
        <v>1458</v>
      </c>
      <c r="T213" s="2" t="s">
        <v>34</v>
      </c>
      <c r="U213" s="2" t="s">
        <v>34</v>
      </c>
      <c r="V213" s="2" t="s">
        <v>34</v>
      </c>
    </row>
    <row r="214" spans="1:22" x14ac:dyDescent="0.25">
      <c r="A214" s="2" t="s">
        <v>843</v>
      </c>
      <c r="B214" s="3" t="s">
        <v>640</v>
      </c>
      <c r="C214" s="2" t="s">
        <v>641</v>
      </c>
      <c r="D214" s="4" t="s">
        <v>947</v>
      </c>
      <c r="E214" s="2" t="s">
        <v>865</v>
      </c>
      <c r="F214" s="2" t="s">
        <v>1104</v>
      </c>
      <c r="G214" s="2" t="s">
        <v>279</v>
      </c>
      <c r="H214" s="2" t="s">
        <v>45</v>
      </c>
      <c r="I214" s="2" t="s">
        <v>34</v>
      </c>
      <c r="J214" s="2" t="s">
        <v>1105</v>
      </c>
      <c r="K214" s="2" t="s">
        <v>29</v>
      </c>
      <c r="L214" s="2" t="s">
        <v>30</v>
      </c>
      <c r="M214" s="2" t="s">
        <v>31</v>
      </c>
      <c r="N214" s="2" t="s">
        <v>183</v>
      </c>
      <c r="O214" s="2" t="s">
        <v>249</v>
      </c>
      <c r="P214" s="2" t="s">
        <v>118</v>
      </c>
      <c r="Q214" s="2" t="s">
        <v>34</v>
      </c>
      <c r="R214" s="2" t="s">
        <v>35</v>
      </c>
      <c r="S214" s="2" t="s">
        <v>1106</v>
      </c>
      <c r="T214" s="2" t="s">
        <v>34</v>
      </c>
      <c r="U214" s="2" t="s">
        <v>34</v>
      </c>
      <c r="V214" s="2" t="s">
        <v>34</v>
      </c>
    </row>
    <row r="215" spans="1:22" x14ac:dyDescent="0.25">
      <c r="A215" s="2" t="s">
        <v>843</v>
      </c>
      <c r="B215" s="3" t="s">
        <v>640</v>
      </c>
      <c r="C215" s="2" t="s">
        <v>641</v>
      </c>
      <c r="D215" s="4" t="s">
        <v>202</v>
      </c>
      <c r="E215" s="2" t="s">
        <v>853</v>
      </c>
      <c r="F215" s="2" t="s">
        <v>1459</v>
      </c>
      <c r="G215" s="2" t="s">
        <v>26</v>
      </c>
      <c r="H215" s="2" t="s">
        <v>86</v>
      </c>
      <c r="I215" s="2" t="s">
        <v>861</v>
      </c>
      <c r="J215" s="2" t="s">
        <v>1460</v>
      </c>
      <c r="K215" s="2" t="s">
        <v>29</v>
      </c>
      <c r="L215" s="2" t="s">
        <v>30</v>
      </c>
      <c r="M215" s="2" t="s">
        <v>116</v>
      </c>
      <c r="N215" s="2" t="s">
        <v>183</v>
      </c>
      <c r="O215" s="2" t="s">
        <v>189</v>
      </c>
      <c r="P215" s="2" t="s">
        <v>118</v>
      </c>
      <c r="Q215" s="2" t="s">
        <v>34</v>
      </c>
      <c r="R215" s="2" t="s">
        <v>35</v>
      </c>
      <c r="S215" s="2" t="s">
        <v>1461</v>
      </c>
      <c r="T215" s="2" t="s">
        <v>1263</v>
      </c>
      <c r="U215" s="2" t="s">
        <v>34</v>
      </c>
      <c r="V215" s="2" t="s">
        <v>34</v>
      </c>
    </row>
    <row r="216" spans="1:22" x14ac:dyDescent="0.25">
      <c r="A216" s="2" t="s">
        <v>843</v>
      </c>
      <c r="B216" s="3" t="s">
        <v>640</v>
      </c>
      <c r="C216" s="2" t="s">
        <v>641</v>
      </c>
      <c r="D216" s="4" t="s">
        <v>1264</v>
      </c>
      <c r="E216" s="2" t="s">
        <v>853</v>
      </c>
      <c r="F216" s="2" t="s">
        <v>1260</v>
      </c>
      <c r="G216" s="2" t="s">
        <v>235</v>
      </c>
      <c r="H216" s="2" t="s">
        <v>86</v>
      </c>
      <c r="I216" s="2" t="s">
        <v>861</v>
      </c>
      <c r="J216" s="2" t="s">
        <v>1261</v>
      </c>
      <c r="K216" s="2" t="s">
        <v>29</v>
      </c>
      <c r="L216" s="2" t="s">
        <v>30</v>
      </c>
      <c r="M216" s="2" t="s">
        <v>116</v>
      </c>
      <c r="N216" s="2" t="s">
        <v>183</v>
      </c>
      <c r="O216" s="2" t="s">
        <v>189</v>
      </c>
      <c r="P216" s="2" t="s">
        <v>118</v>
      </c>
      <c r="Q216" s="2" t="s">
        <v>34</v>
      </c>
      <c r="R216" s="2" t="s">
        <v>35</v>
      </c>
      <c r="S216" s="2" t="s">
        <v>1262</v>
      </c>
      <c r="T216" s="2" t="s">
        <v>34</v>
      </c>
      <c r="U216" s="2" t="s">
        <v>34</v>
      </c>
      <c r="V216" s="2" t="s">
        <v>34</v>
      </c>
    </row>
    <row r="217" spans="1:22" x14ac:dyDescent="0.25">
      <c r="A217" s="2" t="s">
        <v>843</v>
      </c>
      <c r="B217" s="3" t="s">
        <v>640</v>
      </c>
      <c r="C217" s="2" t="s">
        <v>641</v>
      </c>
      <c r="D217" s="4" t="s">
        <v>1391</v>
      </c>
      <c r="E217" s="2" t="s">
        <v>853</v>
      </c>
      <c r="F217" s="2" t="s">
        <v>1388</v>
      </c>
      <c r="G217" s="2" t="s">
        <v>38</v>
      </c>
      <c r="H217" s="2" t="s">
        <v>86</v>
      </c>
      <c r="I217" s="2" t="s">
        <v>861</v>
      </c>
      <c r="J217" s="2" t="s">
        <v>1389</v>
      </c>
      <c r="K217" s="2" t="s">
        <v>29</v>
      </c>
      <c r="L217" s="2" t="s">
        <v>30</v>
      </c>
      <c r="M217" s="2" t="s">
        <v>116</v>
      </c>
      <c r="N217" s="2" t="s">
        <v>183</v>
      </c>
      <c r="O217" s="2" t="s">
        <v>189</v>
      </c>
      <c r="P217" s="2" t="s">
        <v>118</v>
      </c>
      <c r="Q217" s="2" t="s">
        <v>34</v>
      </c>
      <c r="R217" s="2" t="s">
        <v>35</v>
      </c>
      <c r="S217" s="2" t="s">
        <v>1390</v>
      </c>
      <c r="T217" s="2" t="s">
        <v>34</v>
      </c>
      <c r="U217" s="2" t="s">
        <v>34</v>
      </c>
      <c r="V217" s="2" t="s">
        <v>34</v>
      </c>
    </row>
    <row r="218" spans="1:22" x14ac:dyDescent="0.25">
      <c r="A218" s="2" t="s">
        <v>843</v>
      </c>
      <c r="B218" s="3" t="s">
        <v>640</v>
      </c>
      <c r="C218" s="2" t="s">
        <v>641</v>
      </c>
      <c r="D218" s="4" t="s">
        <v>1268</v>
      </c>
      <c r="E218" s="2" t="s">
        <v>935</v>
      </c>
      <c r="F218" s="2" t="s">
        <v>1462</v>
      </c>
      <c r="G218" s="2" t="s">
        <v>290</v>
      </c>
      <c r="H218" s="2" t="s">
        <v>86</v>
      </c>
      <c r="I218" s="2" t="s">
        <v>34</v>
      </c>
      <c r="J218" s="2" t="s">
        <v>1463</v>
      </c>
      <c r="K218" s="2" t="s">
        <v>29</v>
      </c>
      <c r="L218" s="2" t="s">
        <v>30</v>
      </c>
      <c r="M218" s="2" t="s">
        <v>31</v>
      </c>
      <c r="N218" s="2" t="s">
        <v>49</v>
      </c>
      <c r="O218" s="2" t="s">
        <v>33</v>
      </c>
      <c r="P218" s="2" t="s">
        <v>118</v>
      </c>
      <c r="Q218" s="2" t="s">
        <v>34</v>
      </c>
      <c r="R218" s="2" t="s">
        <v>35</v>
      </c>
      <c r="S218" s="2" t="s">
        <v>1464</v>
      </c>
      <c r="T218" s="2" t="s">
        <v>34</v>
      </c>
      <c r="U218" s="2" t="s">
        <v>34</v>
      </c>
      <c r="V218" s="2" t="s">
        <v>34</v>
      </c>
    </row>
    <row r="219" spans="1:22" x14ac:dyDescent="0.25">
      <c r="A219" s="2" t="s">
        <v>843</v>
      </c>
      <c r="B219" s="3" t="s">
        <v>640</v>
      </c>
      <c r="C219" s="2" t="s">
        <v>641</v>
      </c>
      <c r="D219" s="4" t="s">
        <v>1272</v>
      </c>
      <c r="E219" s="2" t="s">
        <v>935</v>
      </c>
      <c r="F219" s="2" t="s">
        <v>1465</v>
      </c>
      <c r="G219" s="2" t="s">
        <v>373</v>
      </c>
      <c r="H219" s="2" t="s">
        <v>86</v>
      </c>
      <c r="I219" s="2" t="s">
        <v>34</v>
      </c>
      <c r="J219" s="2" t="s">
        <v>1466</v>
      </c>
      <c r="K219" s="2" t="s">
        <v>29</v>
      </c>
      <c r="L219" s="2" t="s">
        <v>30</v>
      </c>
      <c r="M219" s="2" t="s">
        <v>31</v>
      </c>
      <c r="N219" s="2" t="s">
        <v>49</v>
      </c>
      <c r="O219" s="2" t="s">
        <v>189</v>
      </c>
      <c r="P219" s="2" t="s">
        <v>118</v>
      </c>
      <c r="Q219" s="2" t="s">
        <v>34</v>
      </c>
      <c r="R219" s="2" t="s">
        <v>35</v>
      </c>
      <c r="S219" s="2" t="s">
        <v>1467</v>
      </c>
      <c r="T219" s="2" t="s">
        <v>34</v>
      </c>
      <c r="U219" s="2" t="s">
        <v>34</v>
      </c>
      <c r="V219" s="2" t="s">
        <v>34</v>
      </c>
    </row>
    <row r="220" spans="1:22" x14ac:dyDescent="0.25">
      <c r="A220" s="2" t="s">
        <v>843</v>
      </c>
      <c r="B220" s="3" t="s">
        <v>640</v>
      </c>
      <c r="C220" s="2" t="s">
        <v>641</v>
      </c>
      <c r="D220" s="4" t="s">
        <v>1276</v>
      </c>
      <c r="E220" s="2" t="s">
        <v>935</v>
      </c>
      <c r="F220" s="2" t="s">
        <v>1468</v>
      </c>
      <c r="G220" s="2" t="s">
        <v>274</v>
      </c>
      <c r="H220" s="2" t="s">
        <v>86</v>
      </c>
      <c r="I220" s="2" t="s">
        <v>34</v>
      </c>
      <c r="J220" s="2" t="s">
        <v>1469</v>
      </c>
      <c r="K220" s="2" t="s">
        <v>29</v>
      </c>
      <c r="L220" s="2" t="s">
        <v>30</v>
      </c>
      <c r="M220" s="2" t="s">
        <v>31</v>
      </c>
      <c r="N220" s="2" t="s">
        <v>49</v>
      </c>
      <c r="O220" s="2" t="s">
        <v>189</v>
      </c>
      <c r="P220" s="2" t="s">
        <v>118</v>
      </c>
      <c r="Q220" s="2" t="s">
        <v>34</v>
      </c>
      <c r="R220" s="2" t="s">
        <v>35</v>
      </c>
      <c r="S220" s="2" t="s">
        <v>1470</v>
      </c>
      <c r="T220" s="2" t="s">
        <v>34</v>
      </c>
      <c r="U220" s="2" t="s">
        <v>34</v>
      </c>
      <c r="V220" s="2" t="s">
        <v>34</v>
      </c>
    </row>
    <row r="221" spans="1:22" x14ac:dyDescent="0.25">
      <c r="A221" s="2" t="s">
        <v>843</v>
      </c>
      <c r="B221" s="3" t="s">
        <v>640</v>
      </c>
      <c r="C221" s="2" t="s">
        <v>641</v>
      </c>
      <c r="D221" s="4" t="s">
        <v>227</v>
      </c>
      <c r="E221" s="2" t="s">
        <v>1280</v>
      </c>
      <c r="F221" s="2" t="s">
        <v>1471</v>
      </c>
      <c r="G221" s="2" t="s">
        <v>424</v>
      </c>
      <c r="H221" s="2" t="s">
        <v>27</v>
      </c>
      <c r="I221" s="2" t="s">
        <v>34</v>
      </c>
      <c r="J221" s="2" t="s">
        <v>1405</v>
      </c>
      <c r="K221" s="2" t="s">
        <v>29</v>
      </c>
      <c r="L221" s="2" t="s">
        <v>30</v>
      </c>
      <c r="M221" s="2" t="s">
        <v>1131</v>
      </c>
      <c r="N221" s="2" t="s">
        <v>183</v>
      </c>
      <c r="O221" s="2" t="s">
        <v>189</v>
      </c>
      <c r="P221" s="2" t="s">
        <v>34</v>
      </c>
      <c r="Q221" s="2" t="s">
        <v>34</v>
      </c>
      <c r="R221" s="2" t="s">
        <v>35</v>
      </c>
      <c r="S221" s="2" t="s">
        <v>1472</v>
      </c>
      <c r="T221" s="2" t="s">
        <v>34</v>
      </c>
      <c r="U221" s="2" t="s">
        <v>34</v>
      </c>
      <c r="V221" s="2" t="s">
        <v>34</v>
      </c>
    </row>
    <row r="222" spans="1:22" x14ac:dyDescent="0.25">
      <c r="A222" s="2" t="s">
        <v>843</v>
      </c>
      <c r="B222" s="3" t="s">
        <v>640</v>
      </c>
      <c r="C222" s="2" t="s">
        <v>641</v>
      </c>
      <c r="D222" s="4" t="s">
        <v>509</v>
      </c>
      <c r="E222" s="2" t="s">
        <v>1280</v>
      </c>
      <c r="F222" s="2" t="s">
        <v>1473</v>
      </c>
      <c r="G222" s="2" t="s">
        <v>400</v>
      </c>
      <c r="H222" s="2" t="s">
        <v>27</v>
      </c>
      <c r="I222" s="2" t="s">
        <v>34</v>
      </c>
      <c r="J222" s="2" t="s">
        <v>34</v>
      </c>
      <c r="K222" s="2" t="s">
        <v>29</v>
      </c>
      <c r="L222" s="2" t="s">
        <v>30</v>
      </c>
      <c r="M222" s="2" t="s">
        <v>1131</v>
      </c>
      <c r="N222" s="2" t="s">
        <v>183</v>
      </c>
      <c r="O222" s="2" t="s">
        <v>189</v>
      </c>
      <c r="P222" s="2" t="s">
        <v>34</v>
      </c>
      <c r="Q222" s="2" t="s">
        <v>34</v>
      </c>
      <c r="R222" s="2" t="s">
        <v>35</v>
      </c>
      <c r="S222" s="2" t="s">
        <v>1474</v>
      </c>
      <c r="T222" s="2" t="s">
        <v>34</v>
      </c>
      <c r="U222" s="2" t="s">
        <v>34</v>
      </c>
      <c r="V222" s="2" t="s">
        <v>34</v>
      </c>
    </row>
    <row r="223" spans="1:22" x14ac:dyDescent="0.25">
      <c r="A223" s="2" t="s">
        <v>843</v>
      </c>
      <c r="B223" s="3" t="s">
        <v>640</v>
      </c>
      <c r="C223" s="2" t="s">
        <v>641</v>
      </c>
      <c r="D223" s="4" t="s">
        <v>1287</v>
      </c>
      <c r="E223" s="2" t="s">
        <v>853</v>
      </c>
      <c r="F223" s="2" t="s">
        <v>1475</v>
      </c>
      <c r="G223" s="2" t="s">
        <v>574</v>
      </c>
      <c r="H223" s="2" t="s">
        <v>27</v>
      </c>
      <c r="I223" s="2" t="s">
        <v>861</v>
      </c>
      <c r="J223" s="2" t="s">
        <v>1476</v>
      </c>
      <c r="K223" s="2" t="s">
        <v>29</v>
      </c>
      <c r="L223" s="2" t="s">
        <v>30</v>
      </c>
      <c r="M223" s="2" t="s">
        <v>116</v>
      </c>
      <c r="N223" s="2" t="s">
        <v>525</v>
      </c>
      <c r="O223" s="2" t="s">
        <v>189</v>
      </c>
      <c r="P223" s="2" t="s">
        <v>118</v>
      </c>
      <c r="Q223" s="2" t="s">
        <v>34</v>
      </c>
      <c r="R223" s="2" t="s">
        <v>35</v>
      </c>
      <c r="S223" s="2" t="s">
        <v>1477</v>
      </c>
      <c r="T223" s="2" t="s">
        <v>34</v>
      </c>
      <c r="U223" s="2" t="s">
        <v>34</v>
      </c>
      <c r="V223" s="2" t="s">
        <v>34</v>
      </c>
    </row>
    <row r="224" spans="1:22" x14ac:dyDescent="0.25">
      <c r="A224" s="2" t="s">
        <v>843</v>
      </c>
      <c r="B224" s="3" t="s">
        <v>640</v>
      </c>
      <c r="C224" s="2" t="s">
        <v>641</v>
      </c>
      <c r="D224" s="4" t="s">
        <v>1120</v>
      </c>
      <c r="E224" s="2" t="s">
        <v>853</v>
      </c>
      <c r="F224" s="2" t="s">
        <v>1478</v>
      </c>
      <c r="G224" s="2" t="s">
        <v>540</v>
      </c>
      <c r="H224" s="2" t="s">
        <v>27</v>
      </c>
      <c r="I224" s="2" t="s">
        <v>861</v>
      </c>
      <c r="J224" s="2" t="s">
        <v>1479</v>
      </c>
      <c r="K224" s="2" t="s">
        <v>29</v>
      </c>
      <c r="L224" s="2" t="s">
        <v>34</v>
      </c>
      <c r="M224" s="2" t="s">
        <v>116</v>
      </c>
      <c r="N224" s="2" t="s">
        <v>525</v>
      </c>
      <c r="O224" s="2" t="s">
        <v>189</v>
      </c>
      <c r="P224" s="2" t="s">
        <v>118</v>
      </c>
      <c r="Q224" s="2" t="s">
        <v>34</v>
      </c>
      <c r="R224" s="2" t="s">
        <v>35</v>
      </c>
      <c r="S224" s="2" t="s">
        <v>1480</v>
      </c>
      <c r="T224" s="2" t="s">
        <v>34</v>
      </c>
      <c r="U224" s="2" t="s">
        <v>34</v>
      </c>
      <c r="V224" s="2" t="s">
        <v>34</v>
      </c>
    </row>
    <row r="225" spans="1:22" x14ac:dyDescent="0.25">
      <c r="A225" s="2" t="s">
        <v>843</v>
      </c>
      <c r="B225" s="3" t="s">
        <v>640</v>
      </c>
      <c r="C225" s="2" t="s">
        <v>641</v>
      </c>
      <c r="D225" s="4" t="s">
        <v>244</v>
      </c>
      <c r="E225" s="2" t="s">
        <v>914</v>
      </c>
      <c r="F225" s="2" t="s">
        <v>1481</v>
      </c>
      <c r="G225" s="2" t="s">
        <v>429</v>
      </c>
      <c r="H225" s="2" t="s">
        <v>27</v>
      </c>
      <c r="I225" s="2" t="s">
        <v>1482</v>
      </c>
      <c r="J225" s="2" t="s">
        <v>1483</v>
      </c>
      <c r="K225" s="2" t="s">
        <v>29</v>
      </c>
      <c r="L225" s="2" t="s">
        <v>30</v>
      </c>
      <c r="M225" s="2" t="s">
        <v>31</v>
      </c>
      <c r="N225" s="2" t="s">
        <v>183</v>
      </c>
      <c r="O225" s="2" t="s">
        <v>189</v>
      </c>
      <c r="P225" s="2" t="s">
        <v>118</v>
      </c>
      <c r="Q225" s="2" t="s">
        <v>34</v>
      </c>
      <c r="R225" s="2" t="s">
        <v>35</v>
      </c>
      <c r="S225" s="2" t="s">
        <v>1484</v>
      </c>
      <c r="T225" s="2" t="s">
        <v>34</v>
      </c>
      <c r="U225" s="2" t="s">
        <v>34</v>
      </c>
      <c r="V225" s="2" t="s">
        <v>34</v>
      </c>
    </row>
    <row r="226" spans="1:22" x14ac:dyDescent="0.25">
      <c r="A226" s="2" t="s">
        <v>843</v>
      </c>
      <c r="B226" s="3" t="s">
        <v>640</v>
      </c>
      <c r="C226" s="2" t="s">
        <v>641</v>
      </c>
      <c r="D226" s="4" t="s">
        <v>1291</v>
      </c>
      <c r="E226" s="2" t="s">
        <v>914</v>
      </c>
      <c r="F226" s="2" t="s">
        <v>1485</v>
      </c>
      <c r="G226" s="2" t="s">
        <v>400</v>
      </c>
      <c r="H226" s="2" t="s">
        <v>27</v>
      </c>
      <c r="I226" s="2" t="s">
        <v>1482</v>
      </c>
      <c r="J226" s="2" t="s">
        <v>1486</v>
      </c>
      <c r="K226" s="2" t="s">
        <v>29</v>
      </c>
      <c r="L226" s="2" t="s">
        <v>30</v>
      </c>
      <c r="M226" s="2" t="s">
        <v>31</v>
      </c>
      <c r="N226" s="2" t="s">
        <v>183</v>
      </c>
      <c r="O226" s="2" t="s">
        <v>189</v>
      </c>
      <c r="P226" s="2" t="s">
        <v>118</v>
      </c>
      <c r="Q226" s="2" t="s">
        <v>34</v>
      </c>
      <c r="R226" s="2" t="s">
        <v>35</v>
      </c>
      <c r="S226" s="2" t="s">
        <v>1487</v>
      </c>
      <c r="T226" s="2" t="s">
        <v>34</v>
      </c>
      <c r="U226" s="2" t="s">
        <v>34</v>
      </c>
      <c r="V226" s="2" t="s">
        <v>34</v>
      </c>
    </row>
    <row r="227" spans="1:22" x14ac:dyDescent="0.25">
      <c r="A227" s="2" t="s">
        <v>843</v>
      </c>
      <c r="B227" s="3" t="s">
        <v>640</v>
      </c>
      <c r="C227" s="2" t="s">
        <v>641</v>
      </c>
      <c r="D227" s="4" t="s">
        <v>1295</v>
      </c>
      <c r="E227" s="2" t="s">
        <v>1128</v>
      </c>
      <c r="F227" s="2" t="s">
        <v>1488</v>
      </c>
      <c r="G227" s="2" t="s">
        <v>101</v>
      </c>
      <c r="H227" s="2" t="s">
        <v>45</v>
      </c>
      <c r="I227" s="2" t="s">
        <v>34</v>
      </c>
      <c r="J227" s="2" t="s">
        <v>1489</v>
      </c>
      <c r="K227" s="2" t="s">
        <v>29</v>
      </c>
      <c r="L227" s="2" t="s">
        <v>30</v>
      </c>
      <c r="M227" s="2" t="s">
        <v>1131</v>
      </c>
      <c r="N227" s="2" t="s">
        <v>183</v>
      </c>
      <c r="O227" s="2" t="s">
        <v>189</v>
      </c>
      <c r="P227" s="2" t="s">
        <v>118</v>
      </c>
      <c r="Q227" s="2" t="s">
        <v>34</v>
      </c>
      <c r="R227" s="2" t="s">
        <v>35</v>
      </c>
      <c r="S227" s="2" t="s">
        <v>1490</v>
      </c>
      <c r="T227" s="2" t="s">
        <v>34</v>
      </c>
      <c r="U227" s="2" t="s">
        <v>34</v>
      </c>
      <c r="V227" s="2" t="s">
        <v>1072</v>
      </c>
    </row>
    <row r="228" spans="1:22" x14ac:dyDescent="0.25">
      <c r="A228" s="2" t="s">
        <v>843</v>
      </c>
      <c r="B228" s="3" t="s">
        <v>640</v>
      </c>
      <c r="C228" s="2" t="s">
        <v>641</v>
      </c>
      <c r="D228" s="4" t="s">
        <v>1299</v>
      </c>
      <c r="E228" s="2" t="s">
        <v>1128</v>
      </c>
      <c r="F228" s="2" t="s">
        <v>1491</v>
      </c>
      <c r="G228" s="2" t="s">
        <v>108</v>
      </c>
      <c r="H228" s="2" t="s">
        <v>45</v>
      </c>
      <c r="I228" s="2" t="s">
        <v>34</v>
      </c>
      <c r="J228" s="2" t="s">
        <v>1492</v>
      </c>
      <c r="K228" s="2" t="s">
        <v>29</v>
      </c>
      <c r="L228" s="2" t="s">
        <v>30</v>
      </c>
      <c r="M228" s="2" t="s">
        <v>1131</v>
      </c>
      <c r="N228" s="2" t="s">
        <v>183</v>
      </c>
      <c r="O228" s="2" t="s">
        <v>189</v>
      </c>
      <c r="P228" s="2" t="s">
        <v>118</v>
      </c>
      <c r="Q228" s="2" t="s">
        <v>34</v>
      </c>
      <c r="R228" s="2" t="s">
        <v>35</v>
      </c>
      <c r="S228" s="2" t="s">
        <v>1493</v>
      </c>
      <c r="T228" s="2" t="s">
        <v>34</v>
      </c>
      <c r="U228" s="2" t="s">
        <v>34</v>
      </c>
      <c r="V228" s="2" t="s">
        <v>1072</v>
      </c>
    </row>
    <row r="229" spans="1:22" x14ac:dyDescent="0.25">
      <c r="A229" s="2" t="s">
        <v>843</v>
      </c>
      <c r="B229" s="3" t="s">
        <v>640</v>
      </c>
      <c r="C229" s="2" t="s">
        <v>641</v>
      </c>
      <c r="D229" s="4" t="s">
        <v>259</v>
      </c>
      <c r="E229" s="2" t="s">
        <v>1303</v>
      </c>
      <c r="F229" s="2" t="s">
        <v>1494</v>
      </c>
      <c r="G229" s="2" t="s">
        <v>1495</v>
      </c>
      <c r="H229" s="2" t="s">
        <v>27</v>
      </c>
      <c r="I229" s="2" t="s">
        <v>1496</v>
      </c>
      <c r="J229" s="2" t="s">
        <v>1497</v>
      </c>
      <c r="K229" s="2" t="s">
        <v>29</v>
      </c>
      <c r="L229" s="2" t="s">
        <v>895</v>
      </c>
      <c r="M229" s="2" t="s">
        <v>1308</v>
      </c>
      <c r="N229" s="2" t="s">
        <v>1309</v>
      </c>
      <c r="O229" s="2" t="s">
        <v>1498</v>
      </c>
      <c r="P229" s="2" t="s">
        <v>118</v>
      </c>
      <c r="Q229" s="2" t="s">
        <v>857</v>
      </c>
      <c r="R229" s="2" t="s">
        <v>35</v>
      </c>
      <c r="S229" s="2" t="s">
        <v>1499</v>
      </c>
      <c r="T229" s="2" t="s">
        <v>34</v>
      </c>
      <c r="U229" s="2" t="s">
        <v>34</v>
      </c>
      <c r="V229" s="2" t="s">
        <v>34</v>
      </c>
    </row>
    <row r="230" spans="1:22" x14ac:dyDescent="0.25">
      <c r="A230" s="2"/>
      <c r="B230" s="3"/>
      <c r="C230" s="2"/>
      <c r="D230" s="4"/>
      <c r="E230" s="5" t="s">
        <v>1000</v>
      </c>
      <c r="F230" s="2"/>
      <c r="G230" s="2"/>
      <c r="H230" s="2"/>
      <c r="I230" s="2"/>
      <c r="J230" s="2"/>
      <c r="K230" s="2"/>
      <c r="L230" s="2"/>
      <c r="M230" s="2"/>
      <c r="N230" s="2"/>
      <c r="O230" s="2"/>
      <c r="P230" s="2"/>
      <c r="Q230" s="2"/>
      <c r="R230" s="2"/>
      <c r="S230" s="2"/>
      <c r="T230" s="2"/>
      <c r="U230" s="2"/>
      <c r="V230" s="2"/>
    </row>
    <row r="231" spans="1:22" x14ac:dyDescent="0.25">
      <c r="A231" s="2"/>
      <c r="B231" s="3"/>
      <c r="C231" s="2"/>
      <c r="D231" s="4"/>
      <c r="E231" s="2"/>
      <c r="F231" s="2"/>
      <c r="G231" s="2"/>
      <c r="H231" s="2"/>
      <c r="I231" s="2"/>
      <c r="J231" s="2"/>
      <c r="K231" s="2"/>
      <c r="L231" s="2"/>
      <c r="M231" s="2"/>
      <c r="N231" s="2"/>
      <c r="O231" s="2"/>
      <c r="P231" s="2"/>
      <c r="Q231" s="2"/>
      <c r="R231" s="2"/>
      <c r="S231" s="2"/>
      <c r="T231" s="2"/>
      <c r="U231" s="2"/>
      <c r="V231" s="2"/>
    </row>
    <row r="232" spans="1:22" x14ac:dyDescent="0.25">
      <c r="A232" s="2" t="s">
        <v>843</v>
      </c>
      <c r="B232" s="3" t="s">
        <v>720</v>
      </c>
      <c r="C232" s="2" t="s">
        <v>721</v>
      </c>
      <c r="D232" s="4" t="s">
        <v>24</v>
      </c>
      <c r="E232" s="2" t="s">
        <v>935</v>
      </c>
      <c r="F232" s="2" t="s">
        <v>1500</v>
      </c>
      <c r="G232" s="2" t="s">
        <v>44</v>
      </c>
      <c r="H232" s="2" t="s">
        <v>45</v>
      </c>
      <c r="I232" s="2" t="s">
        <v>1501</v>
      </c>
      <c r="J232" s="2" t="s">
        <v>1502</v>
      </c>
      <c r="K232" s="2" t="s">
        <v>29</v>
      </c>
      <c r="L232" s="2" t="s">
        <v>30</v>
      </c>
      <c r="M232" s="2" t="s">
        <v>31</v>
      </c>
      <c r="N232" s="2" t="s">
        <v>525</v>
      </c>
      <c r="O232" s="2" t="s">
        <v>189</v>
      </c>
      <c r="P232" s="2" t="s">
        <v>34</v>
      </c>
      <c r="Q232" s="2" t="s">
        <v>34</v>
      </c>
      <c r="R232" s="2" t="s">
        <v>35</v>
      </c>
      <c r="S232" s="2" t="s">
        <v>1503</v>
      </c>
      <c r="T232" s="2" t="s">
        <v>34</v>
      </c>
      <c r="U232" s="2" t="s">
        <v>34</v>
      </c>
      <c r="V232" s="2" t="s">
        <v>34</v>
      </c>
    </row>
    <row r="233" spans="1:22" x14ac:dyDescent="0.25">
      <c r="A233" s="2" t="s">
        <v>843</v>
      </c>
      <c r="B233" s="3" t="s">
        <v>720</v>
      </c>
      <c r="C233" s="2" t="s">
        <v>721</v>
      </c>
      <c r="D233" s="4" t="s">
        <v>849</v>
      </c>
      <c r="E233" s="2" t="s">
        <v>935</v>
      </c>
      <c r="F233" s="2" t="s">
        <v>1504</v>
      </c>
      <c r="G233" s="2" t="s">
        <v>54</v>
      </c>
      <c r="H233" s="2" t="s">
        <v>45</v>
      </c>
      <c r="I233" s="2" t="s">
        <v>1505</v>
      </c>
      <c r="J233" s="2" t="s">
        <v>1506</v>
      </c>
      <c r="K233" s="2" t="s">
        <v>29</v>
      </c>
      <c r="L233" s="2" t="s">
        <v>30</v>
      </c>
      <c r="M233" s="2" t="s">
        <v>31</v>
      </c>
      <c r="N233" s="2" t="s">
        <v>525</v>
      </c>
      <c r="O233" s="2" t="s">
        <v>189</v>
      </c>
      <c r="P233" s="2" t="s">
        <v>34</v>
      </c>
      <c r="Q233" s="2" t="s">
        <v>34</v>
      </c>
      <c r="R233" s="2" t="s">
        <v>35</v>
      </c>
      <c r="S233" s="2" t="s">
        <v>1507</v>
      </c>
      <c r="T233" s="2" t="s">
        <v>34</v>
      </c>
      <c r="U233" s="2" t="s">
        <v>34</v>
      </c>
      <c r="V233" s="2" t="s">
        <v>34</v>
      </c>
    </row>
    <row r="234" spans="1:22" x14ac:dyDescent="0.25">
      <c r="A234" s="2" t="s">
        <v>843</v>
      </c>
      <c r="B234" s="3" t="s">
        <v>720</v>
      </c>
      <c r="C234" s="2" t="s">
        <v>721</v>
      </c>
      <c r="D234" s="4" t="s">
        <v>1152</v>
      </c>
      <c r="E234" s="2" t="s">
        <v>853</v>
      </c>
      <c r="F234" s="2" t="s">
        <v>1388</v>
      </c>
      <c r="G234" s="2" t="s">
        <v>38</v>
      </c>
      <c r="H234" s="2" t="s">
        <v>86</v>
      </c>
      <c r="I234" s="2" t="s">
        <v>861</v>
      </c>
      <c r="J234" s="2" t="s">
        <v>1389</v>
      </c>
      <c r="K234" s="2" t="s">
        <v>29</v>
      </c>
      <c r="L234" s="2" t="s">
        <v>30</v>
      </c>
      <c r="M234" s="2" t="s">
        <v>116</v>
      </c>
      <c r="N234" s="2" t="s">
        <v>183</v>
      </c>
      <c r="O234" s="2" t="s">
        <v>189</v>
      </c>
      <c r="P234" s="2" t="s">
        <v>118</v>
      </c>
      <c r="Q234" s="2" t="s">
        <v>34</v>
      </c>
      <c r="R234" s="2" t="s">
        <v>35</v>
      </c>
      <c r="S234" s="2" t="s">
        <v>1390</v>
      </c>
      <c r="T234" s="2" t="s">
        <v>34</v>
      </c>
      <c r="U234" s="2" t="s">
        <v>34</v>
      </c>
      <c r="V234" s="2" t="s">
        <v>34</v>
      </c>
    </row>
    <row r="235" spans="1:22" x14ac:dyDescent="0.25">
      <c r="A235" s="2" t="s">
        <v>843</v>
      </c>
      <c r="B235" s="3" t="s">
        <v>720</v>
      </c>
      <c r="C235" s="2" t="s">
        <v>721</v>
      </c>
      <c r="D235" s="4" t="s">
        <v>52</v>
      </c>
      <c r="E235" s="2" t="s">
        <v>853</v>
      </c>
      <c r="F235" s="2" t="s">
        <v>1459</v>
      </c>
      <c r="G235" s="2" t="s">
        <v>26</v>
      </c>
      <c r="H235" s="2" t="s">
        <v>86</v>
      </c>
      <c r="I235" s="2" t="s">
        <v>861</v>
      </c>
      <c r="J235" s="2" t="s">
        <v>1460</v>
      </c>
      <c r="K235" s="2" t="s">
        <v>29</v>
      </c>
      <c r="L235" s="2" t="s">
        <v>30</v>
      </c>
      <c r="M235" s="2" t="s">
        <v>116</v>
      </c>
      <c r="N235" s="2" t="s">
        <v>183</v>
      </c>
      <c r="O235" s="2" t="s">
        <v>189</v>
      </c>
      <c r="P235" s="2" t="s">
        <v>118</v>
      </c>
      <c r="Q235" s="2" t="s">
        <v>34</v>
      </c>
      <c r="R235" s="2" t="s">
        <v>35</v>
      </c>
      <c r="S235" s="2" t="s">
        <v>1461</v>
      </c>
      <c r="T235" s="2" t="s">
        <v>34</v>
      </c>
      <c r="U235" s="2" t="s">
        <v>34</v>
      </c>
      <c r="V235" s="2" t="s">
        <v>34</v>
      </c>
    </row>
    <row r="236" spans="1:22" x14ac:dyDescent="0.25">
      <c r="A236" s="2" t="s">
        <v>843</v>
      </c>
      <c r="B236" s="3" t="s">
        <v>720</v>
      </c>
      <c r="C236" s="2" t="s">
        <v>721</v>
      </c>
      <c r="D236" s="4" t="s">
        <v>1159</v>
      </c>
      <c r="E236" s="2" t="s">
        <v>853</v>
      </c>
      <c r="F236" s="2" t="s">
        <v>1508</v>
      </c>
      <c r="G236" s="2" t="s">
        <v>404</v>
      </c>
      <c r="H236" s="2" t="s">
        <v>86</v>
      </c>
      <c r="I236" s="2" t="s">
        <v>861</v>
      </c>
      <c r="J236" s="2" t="s">
        <v>1509</v>
      </c>
      <c r="K236" s="2" t="s">
        <v>29</v>
      </c>
      <c r="L236" s="2" t="s">
        <v>30</v>
      </c>
      <c r="M236" s="2" t="s">
        <v>116</v>
      </c>
      <c r="N236" s="2" t="s">
        <v>183</v>
      </c>
      <c r="O236" s="2" t="s">
        <v>189</v>
      </c>
      <c r="P236" s="2" t="s">
        <v>118</v>
      </c>
      <c r="Q236" s="2" t="s">
        <v>34</v>
      </c>
      <c r="R236" s="2" t="s">
        <v>35</v>
      </c>
      <c r="S236" s="2" t="s">
        <v>1510</v>
      </c>
      <c r="T236" s="2" t="s">
        <v>1263</v>
      </c>
      <c r="U236" s="2" t="s">
        <v>34</v>
      </c>
      <c r="V236" s="2" t="s">
        <v>34</v>
      </c>
    </row>
    <row r="237" spans="1:22" x14ac:dyDescent="0.25">
      <c r="A237" s="2" t="s">
        <v>843</v>
      </c>
      <c r="B237" s="3" t="s">
        <v>720</v>
      </c>
      <c r="C237" s="2" t="s">
        <v>721</v>
      </c>
      <c r="D237" s="4" t="s">
        <v>78</v>
      </c>
      <c r="E237" s="2" t="s">
        <v>897</v>
      </c>
      <c r="F237" s="2" t="s">
        <v>1511</v>
      </c>
      <c r="G237" s="2" t="s">
        <v>101</v>
      </c>
      <c r="H237" s="2" t="s">
        <v>45</v>
      </c>
      <c r="I237" s="2" t="s">
        <v>899</v>
      </c>
      <c r="J237" s="2" t="s">
        <v>1512</v>
      </c>
      <c r="K237" s="2" t="s">
        <v>29</v>
      </c>
      <c r="L237" s="2" t="s">
        <v>30</v>
      </c>
      <c r="M237" s="2" t="s">
        <v>31</v>
      </c>
      <c r="N237" s="2" t="s">
        <v>183</v>
      </c>
      <c r="O237" s="2" t="s">
        <v>189</v>
      </c>
      <c r="P237" s="2" t="s">
        <v>34</v>
      </c>
      <c r="Q237" s="2" t="s">
        <v>34</v>
      </c>
      <c r="R237" s="2" t="s">
        <v>35</v>
      </c>
      <c r="S237" s="2" t="s">
        <v>1513</v>
      </c>
      <c r="T237" s="2" t="s">
        <v>34</v>
      </c>
      <c r="U237" s="2" t="s">
        <v>34</v>
      </c>
      <c r="V237" s="2" t="s">
        <v>34</v>
      </c>
    </row>
    <row r="238" spans="1:22" x14ac:dyDescent="0.25">
      <c r="A238" s="2" t="s">
        <v>843</v>
      </c>
      <c r="B238" s="3" t="s">
        <v>720</v>
      </c>
      <c r="C238" s="2" t="s">
        <v>721</v>
      </c>
      <c r="D238" s="4" t="s">
        <v>1166</v>
      </c>
      <c r="E238" s="2" t="s">
        <v>897</v>
      </c>
      <c r="F238" s="2" t="s">
        <v>1514</v>
      </c>
      <c r="G238" s="2" t="s">
        <v>108</v>
      </c>
      <c r="H238" s="2" t="s">
        <v>45</v>
      </c>
      <c r="I238" s="2" t="s">
        <v>899</v>
      </c>
      <c r="J238" s="2" t="s">
        <v>1515</v>
      </c>
      <c r="K238" s="2" t="s">
        <v>29</v>
      </c>
      <c r="L238" s="2" t="s">
        <v>30</v>
      </c>
      <c r="M238" s="2" t="s">
        <v>31</v>
      </c>
      <c r="N238" s="2" t="s">
        <v>183</v>
      </c>
      <c r="O238" s="2" t="s">
        <v>189</v>
      </c>
      <c r="P238" s="2" t="s">
        <v>34</v>
      </c>
      <c r="Q238" s="2" t="s">
        <v>34</v>
      </c>
      <c r="R238" s="2" t="s">
        <v>35</v>
      </c>
      <c r="S238" s="2" t="s">
        <v>1516</v>
      </c>
      <c r="T238" s="2" t="s">
        <v>34</v>
      </c>
      <c r="U238" s="2" t="s">
        <v>34</v>
      </c>
      <c r="V238" s="2" t="s">
        <v>34</v>
      </c>
    </row>
    <row r="239" spans="1:22" x14ac:dyDescent="0.25">
      <c r="A239" s="2" t="s">
        <v>843</v>
      </c>
      <c r="B239" s="3" t="s">
        <v>720</v>
      </c>
      <c r="C239" s="2" t="s">
        <v>721</v>
      </c>
      <c r="D239" s="4" t="s">
        <v>1170</v>
      </c>
      <c r="E239" s="2" t="s">
        <v>1171</v>
      </c>
      <c r="F239" s="2" t="s">
        <v>1517</v>
      </c>
      <c r="G239" s="2" t="s">
        <v>172</v>
      </c>
      <c r="H239" s="2" t="s">
        <v>45</v>
      </c>
      <c r="I239" s="2" t="s">
        <v>1327</v>
      </c>
      <c r="J239" s="2" t="s">
        <v>1518</v>
      </c>
      <c r="K239" s="2" t="s">
        <v>29</v>
      </c>
      <c r="L239" s="2" t="s">
        <v>30</v>
      </c>
      <c r="M239" s="2" t="s">
        <v>116</v>
      </c>
      <c r="N239" s="2" t="s">
        <v>104</v>
      </c>
      <c r="O239" s="2" t="s">
        <v>189</v>
      </c>
      <c r="P239" s="2" t="s">
        <v>34</v>
      </c>
      <c r="Q239" s="2" t="s">
        <v>34</v>
      </c>
      <c r="R239" s="2" t="s">
        <v>35</v>
      </c>
      <c r="S239" s="2" t="s">
        <v>1519</v>
      </c>
      <c r="T239" s="2" t="s">
        <v>34</v>
      </c>
      <c r="U239" s="2" t="s">
        <v>34</v>
      </c>
      <c r="V239" s="2" t="s">
        <v>34</v>
      </c>
    </row>
    <row r="240" spans="1:22" x14ac:dyDescent="0.25">
      <c r="A240" s="2" t="s">
        <v>843</v>
      </c>
      <c r="B240" s="3" t="s">
        <v>720</v>
      </c>
      <c r="C240" s="2" t="s">
        <v>721</v>
      </c>
      <c r="D240" s="4" t="s">
        <v>1176</v>
      </c>
      <c r="E240" s="2" t="s">
        <v>1171</v>
      </c>
      <c r="F240" s="2" t="s">
        <v>1520</v>
      </c>
      <c r="G240" s="2" t="s">
        <v>381</v>
      </c>
      <c r="H240" s="2" t="s">
        <v>45</v>
      </c>
      <c r="I240" s="2" t="s">
        <v>1331</v>
      </c>
      <c r="J240" s="2" t="s">
        <v>1521</v>
      </c>
      <c r="K240" s="2" t="s">
        <v>29</v>
      </c>
      <c r="L240" s="2" t="s">
        <v>30</v>
      </c>
      <c r="M240" s="2" t="s">
        <v>116</v>
      </c>
      <c r="N240" s="2" t="s">
        <v>104</v>
      </c>
      <c r="O240" s="2" t="s">
        <v>189</v>
      </c>
      <c r="P240" s="2" t="s">
        <v>34</v>
      </c>
      <c r="Q240" s="2" t="s">
        <v>34</v>
      </c>
      <c r="R240" s="2" t="s">
        <v>35</v>
      </c>
      <c r="S240" s="2" t="s">
        <v>1522</v>
      </c>
      <c r="T240" s="2" t="s">
        <v>34</v>
      </c>
      <c r="U240" s="2" t="s">
        <v>34</v>
      </c>
      <c r="V240" s="2" t="s">
        <v>34</v>
      </c>
    </row>
    <row r="241" spans="1:22" x14ac:dyDescent="0.25">
      <c r="A241" s="2" t="s">
        <v>843</v>
      </c>
      <c r="B241" s="3" t="s">
        <v>720</v>
      </c>
      <c r="C241" s="2" t="s">
        <v>721</v>
      </c>
      <c r="D241" s="4" t="s">
        <v>1180</v>
      </c>
      <c r="E241" s="2" t="s">
        <v>935</v>
      </c>
      <c r="F241" s="2" t="s">
        <v>1523</v>
      </c>
      <c r="G241" s="2" t="s">
        <v>400</v>
      </c>
      <c r="H241" s="2" t="s">
        <v>27</v>
      </c>
      <c r="I241" s="2" t="s">
        <v>1029</v>
      </c>
      <c r="J241" s="2" t="s">
        <v>1524</v>
      </c>
      <c r="K241" s="2" t="s">
        <v>29</v>
      </c>
      <c r="L241" s="2" t="s">
        <v>30</v>
      </c>
      <c r="M241" s="2" t="s">
        <v>31</v>
      </c>
      <c r="N241" s="2" t="s">
        <v>104</v>
      </c>
      <c r="O241" s="2" t="s">
        <v>189</v>
      </c>
      <c r="P241" s="2" t="s">
        <v>118</v>
      </c>
      <c r="Q241" s="2" t="s">
        <v>34</v>
      </c>
      <c r="R241" s="2" t="s">
        <v>35</v>
      </c>
      <c r="S241" s="2" t="s">
        <v>1525</v>
      </c>
      <c r="T241" s="2" t="s">
        <v>34</v>
      </c>
      <c r="U241" s="2" t="s">
        <v>34</v>
      </c>
      <c r="V241" s="2" t="s">
        <v>34</v>
      </c>
    </row>
    <row r="242" spans="1:22" x14ac:dyDescent="0.25">
      <c r="A242" s="2" t="s">
        <v>843</v>
      </c>
      <c r="B242" s="3" t="s">
        <v>720</v>
      </c>
      <c r="C242" s="2" t="s">
        <v>721</v>
      </c>
      <c r="D242" s="4" t="s">
        <v>98</v>
      </c>
      <c r="E242" s="2" t="s">
        <v>935</v>
      </c>
      <c r="F242" s="2" t="s">
        <v>1526</v>
      </c>
      <c r="G242" s="2" t="s">
        <v>283</v>
      </c>
      <c r="H242" s="2" t="s">
        <v>27</v>
      </c>
      <c r="I242" s="2" t="s">
        <v>1029</v>
      </c>
      <c r="J242" s="2" t="s">
        <v>1527</v>
      </c>
      <c r="K242" s="2" t="s">
        <v>29</v>
      </c>
      <c r="L242" s="2" t="s">
        <v>30</v>
      </c>
      <c r="M242" s="2" t="s">
        <v>31</v>
      </c>
      <c r="N242" s="2" t="s">
        <v>104</v>
      </c>
      <c r="O242" s="2" t="s">
        <v>189</v>
      </c>
      <c r="P242" s="2" t="s">
        <v>118</v>
      </c>
      <c r="Q242" s="2" t="s">
        <v>34</v>
      </c>
      <c r="R242" s="2" t="s">
        <v>35</v>
      </c>
      <c r="S242" s="2" t="s">
        <v>1528</v>
      </c>
      <c r="T242" s="2" t="s">
        <v>34</v>
      </c>
      <c r="U242" s="2" t="s">
        <v>34</v>
      </c>
      <c r="V242" s="2" t="s">
        <v>34</v>
      </c>
    </row>
    <row r="243" spans="1:22" x14ac:dyDescent="0.25">
      <c r="A243" s="2" t="s">
        <v>843</v>
      </c>
      <c r="B243" s="3" t="s">
        <v>720</v>
      </c>
      <c r="C243" s="2" t="s">
        <v>721</v>
      </c>
      <c r="D243" s="4" t="s">
        <v>1188</v>
      </c>
      <c r="E243" s="2" t="s">
        <v>935</v>
      </c>
      <c r="F243" s="2" t="s">
        <v>1529</v>
      </c>
      <c r="G243" s="2" t="s">
        <v>80</v>
      </c>
      <c r="H243" s="2" t="s">
        <v>27</v>
      </c>
      <c r="I243" s="2" t="s">
        <v>1029</v>
      </c>
      <c r="J243" s="2" t="s">
        <v>1530</v>
      </c>
      <c r="K243" s="2" t="s">
        <v>29</v>
      </c>
      <c r="L243" s="2" t="s">
        <v>30</v>
      </c>
      <c r="M243" s="2" t="s">
        <v>31</v>
      </c>
      <c r="N243" s="2" t="s">
        <v>104</v>
      </c>
      <c r="O243" s="2" t="s">
        <v>189</v>
      </c>
      <c r="P243" s="2" t="s">
        <v>118</v>
      </c>
      <c r="Q243" s="2" t="s">
        <v>34</v>
      </c>
      <c r="R243" s="2" t="s">
        <v>35</v>
      </c>
      <c r="S243" s="2" t="s">
        <v>1531</v>
      </c>
      <c r="T243" s="2" t="s">
        <v>34</v>
      </c>
      <c r="U243" s="2" t="s">
        <v>34</v>
      </c>
      <c r="V243" s="2" t="s">
        <v>34</v>
      </c>
    </row>
    <row r="244" spans="1:22" x14ac:dyDescent="0.25">
      <c r="A244" s="2" t="s">
        <v>843</v>
      </c>
      <c r="B244" s="3" t="s">
        <v>720</v>
      </c>
      <c r="C244" s="2" t="s">
        <v>721</v>
      </c>
      <c r="D244" s="4" t="s">
        <v>1192</v>
      </c>
      <c r="E244" s="2" t="s">
        <v>853</v>
      </c>
      <c r="F244" s="2" t="s">
        <v>1532</v>
      </c>
      <c r="G244" s="2" t="s">
        <v>44</v>
      </c>
      <c r="H244" s="2" t="s">
        <v>45</v>
      </c>
      <c r="I244" s="2" t="s">
        <v>861</v>
      </c>
      <c r="J244" s="2" t="s">
        <v>1533</v>
      </c>
      <c r="K244" s="2" t="s">
        <v>29</v>
      </c>
      <c r="L244" s="2" t="s">
        <v>30</v>
      </c>
      <c r="M244" s="2" t="s">
        <v>116</v>
      </c>
      <c r="N244" s="2" t="s">
        <v>220</v>
      </c>
      <c r="O244" s="2" t="s">
        <v>189</v>
      </c>
      <c r="P244" s="2" t="s">
        <v>118</v>
      </c>
      <c r="Q244" s="2" t="s">
        <v>857</v>
      </c>
      <c r="R244" s="2" t="s">
        <v>35</v>
      </c>
      <c r="S244" s="2" t="s">
        <v>1534</v>
      </c>
      <c r="T244" s="2" t="s">
        <v>34</v>
      </c>
      <c r="U244" s="2" t="s">
        <v>34</v>
      </c>
      <c r="V244" s="2" t="s">
        <v>34</v>
      </c>
    </row>
    <row r="245" spans="1:22" x14ac:dyDescent="0.25">
      <c r="A245" s="2" t="s">
        <v>843</v>
      </c>
      <c r="B245" s="3" t="s">
        <v>720</v>
      </c>
      <c r="C245" s="2" t="s">
        <v>721</v>
      </c>
      <c r="D245" s="4" t="s">
        <v>1196</v>
      </c>
      <c r="E245" s="2" t="s">
        <v>853</v>
      </c>
      <c r="F245" s="2" t="s">
        <v>1535</v>
      </c>
      <c r="G245" s="2" t="s">
        <v>54</v>
      </c>
      <c r="H245" s="2" t="s">
        <v>45</v>
      </c>
      <c r="I245" s="2" t="s">
        <v>861</v>
      </c>
      <c r="J245" s="2" t="s">
        <v>1536</v>
      </c>
      <c r="K245" s="2" t="s">
        <v>29</v>
      </c>
      <c r="L245" s="2" t="s">
        <v>30</v>
      </c>
      <c r="M245" s="2" t="s">
        <v>116</v>
      </c>
      <c r="N245" s="2" t="s">
        <v>220</v>
      </c>
      <c r="O245" s="2" t="s">
        <v>189</v>
      </c>
      <c r="P245" s="2" t="s">
        <v>118</v>
      </c>
      <c r="Q245" s="2" t="s">
        <v>857</v>
      </c>
      <c r="R245" s="2" t="s">
        <v>35</v>
      </c>
      <c r="S245" s="2" t="s">
        <v>1537</v>
      </c>
      <c r="T245" s="2" t="s">
        <v>34</v>
      </c>
      <c r="U245" s="2" t="s">
        <v>34</v>
      </c>
      <c r="V245" s="2" t="s">
        <v>34</v>
      </c>
    </row>
    <row r="246" spans="1:22" x14ac:dyDescent="0.25">
      <c r="A246" s="2" t="s">
        <v>843</v>
      </c>
      <c r="B246" s="3" t="s">
        <v>720</v>
      </c>
      <c r="C246" s="2" t="s">
        <v>721</v>
      </c>
      <c r="D246" s="4" t="s">
        <v>1197</v>
      </c>
      <c r="E246" s="2" t="s">
        <v>865</v>
      </c>
      <c r="F246" s="2" t="s">
        <v>1538</v>
      </c>
      <c r="G246" s="2" t="s">
        <v>101</v>
      </c>
      <c r="H246" s="2" t="s">
        <v>45</v>
      </c>
      <c r="I246" s="2" t="s">
        <v>34</v>
      </c>
      <c r="J246" s="2" t="s">
        <v>1539</v>
      </c>
      <c r="K246" s="2" t="s">
        <v>29</v>
      </c>
      <c r="L246" s="2" t="s">
        <v>30</v>
      </c>
      <c r="M246" s="2" t="s">
        <v>31</v>
      </c>
      <c r="N246" s="2" t="s">
        <v>183</v>
      </c>
      <c r="O246" s="2" t="s">
        <v>249</v>
      </c>
      <c r="P246" s="2" t="s">
        <v>118</v>
      </c>
      <c r="Q246" s="2" t="s">
        <v>34</v>
      </c>
      <c r="R246" s="2" t="s">
        <v>35</v>
      </c>
      <c r="S246" s="2" t="s">
        <v>1540</v>
      </c>
      <c r="T246" s="2" t="s">
        <v>34</v>
      </c>
      <c r="U246" s="2" t="s">
        <v>34</v>
      </c>
      <c r="V246" s="2" t="s">
        <v>34</v>
      </c>
    </row>
    <row r="247" spans="1:22" x14ac:dyDescent="0.25">
      <c r="A247" s="2" t="s">
        <v>843</v>
      </c>
      <c r="B247" s="3" t="s">
        <v>720</v>
      </c>
      <c r="C247" s="2" t="s">
        <v>721</v>
      </c>
      <c r="D247" s="4" t="s">
        <v>120</v>
      </c>
      <c r="E247" s="2" t="s">
        <v>865</v>
      </c>
      <c r="F247" s="2" t="s">
        <v>1541</v>
      </c>
      <c r="G247" s="2" t="s">
        <v>108</v>
      </c>
      <c r="H247" s="2" t="s">
        <v>45</v>
      </c>
      <c r="I247" s="2" t="s">
        <v>34</v>
      </c>
      <c r="J247" s="2" t="s">
        <v>1542</v>
      </c>
      <c r="K247" s="2" t="s">
        <v>29</v>
      </c>
      <c r="L247" s="2" t="s">
        <v>30</v>
      </c>
      <c r="M247" s="2" t="s">
        <v>31</v>
      </c>
      <c r="N247" s="2" t="s">
        <v>183</v>
      </c>
      <c r="O247" s="2" t="s">
        <v>249</v>
      </c>
      <c r="P247" s="2" t="s">
        <v>118</v>
      </c>
      <c r="Q247" s="2" t="s">
        <v>34</v>
      </c>
      <c r="R247" s="2" t="s">
        <v>35</v>
      </c>
      <c r="S247" s="2" t="s">
        <v>1543</v>
      </c>
      <c r="T247" s="2" t="s">
        <v>34</v>
      </c>
      <c r="U247" s="2" t="s">
        <v>34</v>
      </c>
      <c r="V247" s="2" t="s">
        <v>34</v>
      </c>
    </row>
    <row r="248" spans="1:22" x14ac:dyDescent="0.25">
      <c r="A248" s="2" t="s">
        <v>843</v>
      </c>
      <c r="B248" s="3" t="s">
        <v>720</v>
      </c>
      <c r="C248" s="2" t="s">
        <v>721</v>
      </c>
      <c r="D248" s="4" t="s">
        <v>1204</v>
      </c>
      <c r="E248" s="2" t="s">
        <v>853</v>
      </c>
      <c r="F248" s="2" t="s">
        <v>1045</v>
      </c>
      <c r="G248" s="2" t="s">
        <v>381</v>
      </c>
      <c r="H248" s="2" t="s">
        <v>45</v>
      </c>
      <c r="I248" s="2" t="s">
        <v>861</v>
      </c>
      <c r="J248" s="2" t="s">
        <v>1046</v>
      </c>
      <c r="K248" s="2" t="s">
        <v>29</v>
      </c>
      <c r="L248" s="2" t="s">
        <v>30</v>
      </c>
      <c r="M248" s="2" t="s">
        <v>116</v>
      </c>
      <c r="N248" s="2" t="s">
        <v>220</v>
      </c>
      <c r="O248" s="2" t="s">
        <v>189</v>
      </c>
      <c r="P248" s="2" t="s">
        <v>118</v>
      </c>
      <c r="Q248" s="2" t="s">
        <v>857</v>
      </c>
      <c r="R248" s="2" t="s">
        <v>35</v>
      </c>
      <c r="S248" s="2" t="s">
        <v>1047</v>
      </c>
      <c r="T248" s="2" t="s">
        <v>34</v>
      </c>
      <c r="U248" s="2" t="s">
        <v>34</v>
      </c>
      <c r="V248" s="2" t="s">
        <v>34</v>
      </c>
    </row>
    <row r="249" spans="1:22" x14ac:dyDescent="0.25">
      <c r="A249" s="2" t="s">
        <v>843</v>
      </c>
      <c r="B249" s="3" t="s">
        <v>720</v>
      </c>
      <c r="C249" s="2" t="s">
        <v>721</v>
      </c>
      <c r="D249" s="4" t="s">
        <v>138</v>
      </c>
      <c r="E249" s="2" t="s">
        <v>853</v>
      </c>
      <c r="F249" s="2" t="s">
        <v>1544</v>
      </c>
      <c r="G249" s="2" t="s">
        <v>392</v>
      </c>
      <c r="H249" s="2" t="s">
        <v>45</v>
      </c>
      <c r="I249" s="2" t="s">
        <v>861</v>
      </c>
      <c r="J249" s="2" t="s">
        <v>1545</v>
      </c>
      <c r="K249" s="2" t="s">
        <v>29</v>
      </c>
      <c r="L249" s="2" t="s">
        <v>30</v>
      </c>
      <c r="M249" s="2" t="s">
        <v>116</v>
      </c>
      <c r="N249" s="2" t="s">
        <v>220</v>
      </c>
      <c r="O249" s="2" t="s">
        <v>189</v>
      </c>
      <c r="P249" s="2" t="s">
        <v>118</v>
      </c>
      <c r="Q249" s="2" t="s">
        <v>857</v>
      </c>
      <c r="R249" s="2" t="s">
        <v>35</v>
      </c>
      <c r="S249" s="2" t="s">
        <v>1546</v>
      </c>
      <c r="T249" s="2" t="s">
        <v>34</v>
      </c>
      <c r="U249" s="2" t="s">
        <v>34</v>
      </c>
      <c r="V249" s="2" t="s">
        <v>34</v>
      </c>
    </row>
    <row r="250" spans="1:22" x14ac:dyDescent="0.25">
      <c r="A250" s="2" t="s">
        <v>843</v>
      </c>
      <c r="B250" s="3" t="s">
        <v>720</v>
      </c>
      <c r="C250" s="2" t="s">
        <v>721</v>
      </c>
      <c r="D250" s="4" t="s">
        <v>1211</v>
      </c>
      <c r="E250" s="2" t="s">
        <v>1212</v>
      </c>
      <c r="F250" s="2" t="s">
        <v>1547</v>
      </c>
      <c r="G250" s="2" t="s">
        <v>560</v>
      </c>
      <c r="H250" s="2" t="s">
        <v>27</v>
      </c>
      <c r="I250" s="2" t="s">
        <v>34</v>
      </c>
      <c r="J250" s="2" t="s">
        <v>1548</v>
      </c>
      <c r="K250" s="2" t="s">
        <v>29</v>
      </c>
      <c r="L250" s="2" t="s">
        <v>30</v>
      </c>
      <c r="M250" s="2" t="s">
        <v>31</v>
      </c>
      <c r="N250" s="2" t="s">
        <v>49</v>
      </c>
      <c r="O250" s="2" t="s">
        <v>249</v>
      </c>
      <c r="P250" s="2" t="s">
        <v>34</v>
      </c>
      <c r="Q250" s="2" t="s">
        <v>34</v>
      </c>
      <c r="R250" s="2" t="s">
        <v>35</v>
      </c>
      <c r="S250" s="2" t="s">
        <v>1549</v>
      </c>
      <c r="T250" s="2" t="s">
        <v>34</v>
      </c>
      <c r="U250" s="2" t="s">
        <v>34</v>
      </c>
      <c r="V250" s="2" t="s">
        <v>34</v>
      </c>
    </row>
    <row r="251" spans="1:22" x14ac:dyDescent="0.25">
      <c r="A251" s="2" t="s">
        <v>843</v>
      </c>
      <c r="B251" s="3" t="s">
        <v>720</v>
      </c>
      <c r="C251" s="2" t="s">
        <v>721</v>
      </c>
      <c r="D251" s="4" t="s">
        <v>144</v>
      </c>
      <c r="E251" s="2" t="s">
        <v>1212</v>
      </c>
      <c r="F251" s="2" t="s">
        <v>1550</v>
      </c>
      <c r="G251" s="2" t="s">
        <v>564</v>
      </c>
      <c r="H251" s="2" t="s">
        <v>27</v>
      </c>
      <c r="I251" s="2" t="s">
        <v>34</v>
      </c>
      <c r="J251" s="2" t="s">
        <v>1551</v>
      </c>
      <c r="K251" s="2" t="s">
        <v>29</v>
      </c>
      <c r="L251" s="2" t="s">
        <v>30</v>
      </c>
      <c r="M251" s="2" t="s">
        <v>31</v>
      </c>
      <c r="N251" s="2" t="s">
        <v>49</v>
      </c>
      <c r="O251" s="2" t="s">
        <v>249</v>
      </c>
      <c r="P251" s="2" t="s">
        <v>118</v>
      </c>
      <c r="Q251" s="2" t="s">
        <v>34</v>
      </c>
      <c r="R251" s="2" t="s">
        <v>35</v>
      </c>
      <c r="S251" s="2" t="s">
        <v>1552</v>
      </c>
      <c r="T251" s="2" t="s">
        <v>34</v>
      </c>
      <c r="U251" s="2" t="s">
        <v>34</v>
      </c>
      <c r="V251" s="2" t="s">
        <v>1072</v>
      </c>
    </row>
    <row r="252" spans="1:22" x14ac:dyDescent="0.25">
      <c r="A252" s="2" t="s">
        <v>843</v>
      </c>
      <c r="B252" s="3" t="s">
        <v>720</v>
      </c>
      <c r="C252" s="2" t="s">
        <v>721</v>
      </c>
      <c r="D252" s="4" t="s">
        <v>1219</v>
      </c>
      <c r="E252" s="2" t="s">
        <v>1212</v>
      </c>
      <c r="F252" s="2" t="s">
        <v>1553</v>
      </c>
      <c r="G252" s="2" t="s">
        <v>574</v>
      </c>
      <c r="H252" s="2" t="s">
        <v>27</v>
      </c>
      <c r="I252" s="2" t="s">
        <v>34</v>
      </c>
      <c r="J252" s="2" t="s">
        <v>1554</v>
      </c>
      <c r="K252" s="2" t="s">
        <v>29</v>
      </c>
      <c r="L252" s="2" t="s">
        <v>30</v>
      </c>
      <c r="M252" s="2" t="s">
        <v>31</v>
      </c>
      <c r="N252" s="2" t="s">
        <v>49</v>
      </c>
      <c r="O252" s="2" t="s">
        <v>249</v>
      </c>
      <c r="P252" s="2" t="s">
        <v>34</v>
      </c>
      <c r="Q252" s="2" t="s">
        <v>34</v>
      </c>
      <c r="R252" s="2" t="s">
        <v>35</v>
      </c>
      <c r="S252" s="2" t="s">
        <v>1555</v>
      </c>
      <c r="T252" s="2" t="s">
        <v>34</v>
      </c>
      <c r="U252" s="2" t="s">
        <v>34</v>
      </c>
      <c r="V252" s="2" t="s">
        <v>34</v>
      </c>
    </row>
    <row r="253" spans="1:22" x14ac:dyDescent="0.25">
      <c r="A253" s="2" t="s">
        <v>843</v>
      </c>
      <c r="B253" s="3" t="s">
        <v>720</v>
      </c>
      <c r="C253" s="2" t="s">
        <v>721</v>
      </c>
      <c r="D253" s="4" t="s">
        <v>918</v>
      </c>
      <c r="E253" s="2" t="s">
        <v>1223</v>
      </c>
      <c r="F253" s="2" t="s">
        <v>1556</v>
      </c>
      <c r="G253" s="2" t="s">
        <v>235</v>
      </c>
      <c r="H253" s="2" t="s">
        <v>27</v>
      </c>
      <c r="I253" s="2" t="s">
        <v>1225</v>
      </c>
      <c r="J253" s="2" t="s">
        <v>1557</v>
      </c>
      <c r="K253" s="2" t="s">
        <v>29</v>
      </c>
      <c r="L253" s="2" t="s">
        <v>30</v>
      </c>
      <c r="M253" s="2" t="s">
        <v>116</v>
      </c>
      <c r="N253" s="2" t="s">
        <v>183</v>
      </c>
      <c r="O253" s="2" t="s">
        <v>1227</v>
      </c>
      <c r="P253" s="2" t="s">
        <v>34</v>
      </c>
      <c r="Q253" s="2" t="s">
        <v>34</v>
      </c>
      <c r="R253" s="2" t="s">
        <v>35</v>
      </c>
      <c r="S253" s="2" t="s">
        <v>1558</v>
      </c>
      <c r="T253" s="2" t="s">
        <v>34</v>
      </c>
      <c r="U253" s="2" t="s">
        <v>34</v>
      </c>
      <c r="V253" s="2" t="s">
        <v>34</v>
      </c>
    </row>
    <row r="254" spans="1:22" x14ac:dyDescent="0.25">
      <c r="A254" s="2" t="s">
        <v>843</v>
      </c>
      <c r="B254" s="3" t="s">
        <v>720</v>
      </c>
      <c r="C254" s="2" t="s">
        <v>721</v>
      </c>
      <c r="D254" s="4" t="s">
        <v>1229</v>
      </c>
      <c r="E254" s="2" t="s">
        <v>1223</v>
      </c>
      <c r="F254" s="2" t="s">
        <v>1559</v>
      </c>
      <c r="G254" s="2" t="s">
        <v>38</v>
      </c>
      <c r="H254" s="2" t="s">
        <v>27</v>
      </c>
      <c r="I254" s="2" t="s">
        <v>1225</v>
      </c>
      <c r="J254" s="2" t="s">
        <v>1560</v>
      </c>
      <c r="K254" s="2" t="s">
        <v>29</v>
      </c>
      <c r="L254" s="2" t="s">
        <v>30</v>
      </c>
      <c r="M254" s="2" t="s">
        <v>116</v>
      </c>
      <c r="N254" s="2" t="s">
        <v>183</v>
      </c>
      <c r="O254" s="2" t="s">
        <v>1227</v>
      </c>
      <c r="P254" s="2" t="s">
        <v>34</v>
      </c>
      <c r="Q254" s="2" t="s">
        <v>34</v>
      </c>
      <c r="R254" s="2" t="s">
        <v>35</v>
      </c>
      <c r="S254" s="2" t="s">
        <v>1561</v>
      </c>
      <c r="T254" s="2" t="s">
        <v>34</v>
      </c>
      <c r="U254" s="2" t="s">
        <v>34</v>
      </c>
      <c r="V254" s="2" t="s">
        <v>34</v>
      </c>
    </row>
    <row r="255" spans="1:22" x14ac:dyDescent="0.25">
      <c r="A255" s="2" t="s">
        <v>843</v>
      </c>
      <c r="B255" s="3" t="s">
        <v>720</v>
      </c>
      <c r="C255" s="2" t="s">
        <v>721</v>
      </c>
      <c r="D255" s="4" t="s">
        <v>170</v>
      </c>
      <c r="E255" s="2" t="s">
        <v>1223</v>
      </c>
      <c r="F255" s="2" t="s">
        <v>1562</v>
      </c>
      <c r="G255" s="2" t="s">
        <v>26</v>
      </c>
      <c r="H255" s="2" t="s">
        <v>27</v>
      </c>
      <c r="I255" s="2" t="s">
        <v>1225</v>
      </c>
      <c r="J255" s="2" t="s">
        <v>1563</v>
      </c>
      <c r="K255" s="2" t="s">
        <v>29</v>
      </c>
      <c r="L255" s="2" t="s">
        <v>30</v>
      </c>
      <c r="M255" s="2" t="s">
        <v>116</v>
      </c>
      <c r="N255" s="2" t="s">
        <v>183</v>
      </c>
      <c r="O255" s="2" t="s">
        <v>1227</v>
      </c>
      <c r="P255" s="2" t="s">
        <v>34</v>
      </c>
      <c r="Q255" s="2" t="s">
        <v>34</v>
      </c>
      <c r="R255" s="2" t="s">
        <v>35</v>
      </c>
      <c r="S255" s="2" t="s">
        <v>1564</v>
      </c>
      <c r="T255" s="2" t="s">
        <v>34</v>
      </c>
      <c r="U255" s="2" t="s">
        <v>34</v>
      </c>
      <c r="V255" s="2" t="s">
        <v>34</v>
      </c>
    </row>
    <row r="256" spans="1:22" x14ac:dyDescent="0.25">
      <c r="A256" s="2" t="s">
        <v>843</v>
      </c>
      <c r="B256" s="3" t="s">
        <v>720</v>
      </c>
      <c r="C256" s="2" t="s">
        <v>721</v>
      </c>
      <c r="D256" s="4" t="s">
        <v>175</v>
      </c>
      <c r="E256" s="2" t="s">
        <v>1223</v>
      </c>
      <c r="F256" s="2" t="s">
        <v>1565</v>
      </c>
      <c r="G256" s="2" t="s">
        <v>404</v>
      </c>
      <c r="H256" s="2" t="s">
        <v>27</v>
      </c>
      <c r="I256" s="2" t="s">
        <v>1225</v>
      </c>
      <c r="J256" s="2" t="s">
        <v>1566</v>
      </c>
      <c r="K256" s="2" t="s">
        <v>29</v>
      </c>
      <c r="L256" s="2" t="s">
        <v>30</v>
      </c>
      <c r="M256" s="2" t="s">
        <v>116</v>
      </c>
      <c r="N256" s="2" t="s">
        <v>183</v>
      </c>
      <c r="O256" s="2" t="s">
        <v>1227</v>
      </c>
      <c r="P256" s="2" t="s">
        <v>34</v>
      </c>
      <c r="Q256" s="2" t="s">
        <v>34</v>
      </c>
      <c r="R256" s="2" t="s">
        <v>35</v>
      </c>
      <c r="S256" s="2" t="s">
        <v>1567</v>
      </c>
      <c r="T256" s="2" t="s">
        <v>34</v>
      </c>
      <c r="U256" s="2" t="s">
        <v>34</v>
      </c>
      <c r="V256" s="2" t="s">
        <v>34</v>
      </c>
    </row>
    <row r="257" spans="1:22" x14ac:dyDescent="0.25">
      <c r="A257" s="2" t="s">
        <v>843</v>
      </c>
      <c r="B257" s="3" t="s">
        <v>720</v>
      </c>
      <c r="C257" s="2" t="s">
        <v>721</v>
      </c>
      <c r="D257" s="4" t="s">
        <v>455</v>
      </c>
      <c r="E257" s="2" t="s">
        <v>1116</v>
      </c>
      <c r="F257" s="2" t="s">
        <v>1568</v>
      </c>
      <c r="G257" s="2" t="s">
        <v>400</v>
      </c>
      <c r="H257" s="2" t="s">
        <v>101</v>
      </c>
      <c r="I257" s="2" t="s">
        <v>34</v>
      </c>
      <c r="J257" s="2" t="s">
        <v>1118</v>
      </c>
      <c r="K257" s="2" t="s">
        <v>29</v>
      </c>
      <c r="L257" s="2" t="s">
        <v>30</v>
      </c>
      <c r="M257" s="2" t="s">
        <v>31</v>
      </c>
      <c r="N257" s="2" t="s">
        <v>183</v>
      </c>
      <c r="O257" s="2" t="s">
        <v>905</v>
      </c>
      <c r="P257" s="2" t="s">
        <v>118</v>
      </c>
      <c r="Q257" s="2" t="s">
        <v>34</v>
      </c>
      <c r="R257" s="2" t="s">
        <v>35</v>
      </c>
      <c r="S257" s="2" t="s">
        <v>1569</v>
      </c>
      <c r="T257" s="2" t="s">
        <v>34</v>
      </c>
      <c r="U257" s="2" t="s">
        <v>34</v>
      </c>
      <c r="V257" s="2" t="s">
        <v>34</v>
      </c>
    </row>
    <row r="258" spans="1:22" x14ac:dyDescent="0.25">
      <c r="A258" s="2" t="s">
        <v>843</v>
      </c>
      <c r="B258" s="3" t="s">
        <v>720</v>
      </c>
      <c r="C258" s="2" t="s">
        <v>721</v>
      </c>
      <c r="D258" s="4" t="s">
        <v>456</v>
      </c>
      <c r="E258" s="2" t="s">
        <v>1570</v>
      </c>
      <c r="F258" s="2" t="s">
        <v>1571</v>
      </c>
      <c r="G258" s="2" t="s">
        <v>279</v>
      </c>
      <c r="H258" s="2" t="s">
        <v>86</v>
      </c>
      <c r="I258" s="2" t="s">
        <v>1572</v>
      </c>
      <c r="J258" s="2" t="s">
        <v>1573</v>
      </c>
      <c r="K258" s="2" t="s">
        <v>29</v>
      </c>
      <c r="L258" s="2" t="s">
        <v>30</v>
      </c>
      <c r="M258" s="2" t="s">
        <v>31</v>
      </c>
      <c r="N258" s="2" t="s">
        <v>525</v>
      </c>
      <c r="O258" s="2" t="s">
        <v>905</v>
      </c>
      <c r="P258" s="2" t="s">
        <v>34</v>
      </c>
      <c r="Q258" s="2" t="s">
        <v>34</v>
      </c>
      <c r="R258" s="2" t="s">
        <v>35</v>
      </c>
      <c r="S258" s="2" t="s">
        <v>1574</v>
      </c>
      <c r="T258" s="2" t="s">
        <v>34</v>
      </c>
      <c r="U258" s="2" t="s">
        <v>34</v>
      </c>
      <c r="V258" s="2" t="s">
        <v>34</v>
      </c>
    </row>
    <row r="259" spans="1:22" x14ac:dyDescent="0.25">
      <c r="A259" s="2" t="s">
        <v>843</v>
      </c>
      <c r="B259" s="3" t="s">
        <v>720</v>
      </c>
      <c r="C259" s="2" t="s">
        <v>721</v>
      </c>
      <c r="D259" s="4" t="s">
        <v>179</v>
      </c>
      <c r="E259" s="2" t="s">
        <v>1570</v>
      </c>
      <c r="F259" s="2" t="s">
        <v>1575</v>
      </c>
      <c r="G259" s="2" t="s">
        <v>152</v>
      </c>
      <c r="H259" s="2" t="s">
        <v>86</v>
      </c>
      <c r="I259" s="2" t="s">
        <v>1572</v>
      </c>
      <c r="J259" s="2" t="s">
        <v>1576</v>
      </c>
      <c r="K259" s="2" t="s">
        <v>29</v>
      </c>
      <c r="L259" s="2" t="s">
        <v>30</v>
      </c>
      <c r="M259" s="2" t="s">
        <v>31</v>
      </c>
      <c r="N259" s="2" t="s">
        <v>525</v>
      </c>
      <c r="O259" s="2" t="s">
        <v>905</v>
      </c>
      <c r="P259" s="2" t="s">
        <v>34</v>
      </c>
      <c r="Q259" s="2" t="s">
        <v>34</v>
      </c>
      <c r="R259" s="2" t="s">
        <v>35</v>
      </c>
      <c r="S259" s="2" t="s">
        <v>1577</v>
      </c>
      <c r="T259" s="2" t="s">
        <v>34</v>
      </c>
      <c r="U259" s="2" t="s">
        <v>34</v>
      </c>
      <c r="V259" s="2" t="s">
        <v>34</v>
      </c>
    </row>
    <row r="260" spans="1:22" x14ac:dyDescent="0.25">
      <c r="A260" s="2" t="s">
        <v>843</v>
      </c>
      <c r="B260" s="3" t="s">
        <v>720</v>
      </c>
      <c r="C260" s="2" t="s">
        <v>721</v>
      </c>
      <c r="D260" s="4" t="s">
        <v>463</v>
      </c>
      <c r="E260" s="2" t="s">
        <v>1570</v>
      </c>
      <c r="F260" s="2" t="s">
        <v>1578</v>
      </c>
      <c r="G260" s="2" t="s">
        <v>157</v>
      </c>
      <c r="H260" s="2" t="s">
        <v>86</v>
      </c>
      <c r="I260" s="2" t="s">
        <v>1572</v>
      </c>
      <c r="J260" s="2" t="s">
        <v>1579</v>
      </c>
      <c r="K260" s="2" t="s">
        <v>29</v>
      </c>
      <c r="L260" s="2" t="s">
        <v>30</v>
      </c>
      <c r="M260" s="2" t="s">
        <v>31</v>
      </c>
      <c r="N260" s="2" t="s">
        <v>525</v>
      </c>
      <c r="O260" s="2" t="s">
        <v>905</v>
      </c>
      <c r="P260" s="2" t="s">
        <v>34</v>
      </c>
      <c r="Q260" s="2" t="s">
        <v>34</v>
      </c>
      <c r="R260" s="2" t="s">
        <v>35</v>
      </c>
      <c r="S260" s="2" t="s">
        <v>1580</v>
      </c>
      <c r="T260" s="2" t="s">
        <v>34</v>
      </c>
      <c r="U260" s="2" t="s">
        <v>34</v>
      </c>
      <c r="V260" s="2" t="s">
        <v>34</v>
      </c>
    </row>
    <row r="261" spans="1:22" x14ac:dyDescent="0.25">
      <c r="A261" s="2" t="s">
        <v>843</v>
      </c>
      <c r="B261" s="3" t="s">
        <v>720</v>
      </c>
      <c r="C261" s="2" t="s">
        <v>721</v>
      </c>
      <c r="D261" s="4" t="s">
        <v>1250</v>
      </c>
      <c r="E261" s="2" t="s">
        <v>853</v>
      </c>
      <c r="F261" s="2" t="s">
        <v>877</v>
      </c>
      <c r="G261" s="2" t="s">
        <v>453</v>
      </c>
      <c r="H261" s="2" t="s">
        <v>27</v>
      </c>
      <c r="I261" s="2" t="s">
        <v>861</v>
      </c>
      <c r="J261" s="2" t="s">
        <v>878</v>
      </c>
      <c r="K261" s="2" t="s">
        <v>29</v>
      </c>
      <c r="L261" s="2" t="s">
        <v>30</v>
      </c>
      <c r="M261" s="2" t="s">
        <v>116</v>
      </c>
      <c r="N261" s="2" t="s">
        <v>525</v>
      </c>
      <c r="O261" s="2" t="s">
        <v>189</v>
      </c>
      <c r="P261" s="2" t="s">
        <v>118</v>
      </c>
      <c r="Q261" s="2" t="s">
        <v>34</v>
      </c>
      <c r="R261" s="2" t="s">
        <v>35</v>
      </c>
      <c r="S261" s="2" t="s">
        <v>879</v>
      </c>
      <c r="T261" s="2" t="s">
        <v>34</v>
      </c>
      <c r="U261" s="2" t="s">
        <v>34</v>
      </c>
      <c r="V261" s="2" t="s">
        <v>34</v>
      </c>
    </row>
    <row r="262" spans="1:22" x14ac:dyDescent="0.25">
      <c r="A262" s="2" t="s">
        <v>843</v>
      </c>
      <c r="B262" s="3" t="s">
        <v>720</v>
      </c>
      <c r="C262" s="2" t="s">
        <v>721</v>
      </c>
      <c r="D262" s="4" t="s">
        <v>478</v>
      </c>
      <c r="E262" s="2" t="s">
        <v>853</v>
      </c>
      <c r="F262" s="2" t="s">
        <v>881</v>
      </c>
      <c r="G262" s="2" t="s">
        <v>458</v>
      </c>
      <c r="H262" s="2" t="s">
        <v>27</v>
      </c>
      <c r="I262" s="2" t="s">
        <v>861</v>
      </c>
      <c r="J262" s="2" t="s">
        <v>882</v>
      </c>
      <c r="K262" s="2" t="s">
        <v>29</v>
      </c>
      <c r="L262" s="2" t="s">
        <v>30</v>
      </c>
      <c r="M262" s="2" t="s">
        <v>116</v>
      </c>
      <c r="N262" s="2" t="s">
        <v>525</v>
      </c>
      <c r="O262" s="2" t="s">
        <v>189</v>
      </c>
      <c r="P262" s="2" t="s">
        <v>118</v>
      </c>
      <c r="Q262" s="2" t="s">
        <v>34</v>
      </c>
      <c r="R262" s="2" t="s">
        <v>35</v>
      </c>
      <c r="S262" s="2" t="s">
        <v>883</v>
      </c>
      <c r="T262" s="2" t="s">
        <v>34</v>
      </c>
      <c r="U262" s="2" t="s">
        <v>34</v>
      </c>
      <c r="V262" s="2" t="s">
        <v>34</v>
      </c>
    </row>
    <row r="263" spans="1:22" x14ac:dyDescent="0.25">
      <c r="A263" s="2" t="s">
        <v>843</v>
      </c>
      <c r="B263" s="3" t="s">
        <v>720</v>
      </c>
      <c r="C263" s="2" t="s">
        <v>721</v>
      </c>
      <c r="D263" s="4" t="s">
        <v>943</v>
      </c>
      <c r="E263" s="2" t="s">
        <v>865</v>
      </c>
      <c r="F263" s="2" t="s">
        <v>1581</v>
      </c>
      <c r="G263" s="2" t="s">
        <v>152</v>
      </c>
      <c r="H263" s="2" t="s">
        <v>45</v>
      </c>
      <c r="I263" s="2" t="s">
        <v>34</v>
      </c>
      <c r="J263" s="2" t="s">
        <v>1582</v>
      </c>
      <c r="K263" s="2" t="s">
        <v>29</v>
      </c>
      <c r="L263" s="2" t="s">
        <v>30</v>
      </c>
      <c r="M263" s="2" t="s">
        <v>31</v>
      </c>
      <c r="N263" s="2" t="s">
        <v>183</v>
      </c>
      <c r="O263" s="2" t="s">
        <v>249</v>
      </c>
      <c r="P263" s="2" t="s">
        <v>118</v>
      </c>
      <c r="Q263" s="2" t="s">
        <v>34</v>
      </c>
      <c r="R263" s="2" t="s">
        <v>35</v>
      </c>
      <c r="S263" s="2" t="s">
        <v>1583</v>
      </c>
      <c r="T263" s="2" t="s">
        <v>34</v>
      </c>
      <c r="U263" s="2" t="s">
        <v>34</v>
      </c>
      <c r="V263" s="2" t="s">
        <v>34</v>
      </c>
    </row>
    <row r="264" spans="1:22" x14ac:dyDescent="0.25">
      <c r="A264" s="2" t="s">
        <v>843</v>
      </c>
      <c r="B264" s="3" t="s">
        <v>720</v>
      </c>
      <c r="C264" s="2" t="s">
        <v>721</v>
      </c>
      <c r="D264" s="4" t="s">
        <v>947</v>
      </c>
      <c r="E264" s="2" t="s">
        <v>865</v>
      </c>
      <c r="F264" s="2" t="s">
        <v>1107</v>
      </c>
      <c r="G264" s="2" t="s">
        <v>157</v>
      </c>
      <c r="H264" s="2" t="s">
        <v>45</v>
      </c>
      <c r="I264" s="2" t="s">
        <v>34</v>
      </c>
      <c r="J264" s="2" t="s">
        <v>1108</v>
      </c>
      <c r="K264" s="2" t="s">
        <v>29</v>
      </c>
      <c r="L264" s="2" t="s">
        <v>30</v>
      </c>
      <c r="M264" s="2" t="s">
        <v>31</v>
      </c>
      <c r="N264" s="2" t="s">
        <v>183</v>
      </c>
      <c r="O264" s="2" t="s">
        <v>249</v>
      </c>
      <c r="P264" s="2" t="s">
        <v>118</v>
      </c>
      <c r="Q264" s="2" t="s">
        <v>34</v>
      </c>
      <c r="R264" s="2" t="s">
        <v>35</v>
      </c>
      <c r="S264" s="2" t="s">
        <v>1109</v>
      </c>
      <c r="T264" s="2" t="s">
        <v>34</v>
      </c>
      <c r="U264" s="2" t="s">
        <v>34</v>
      </c>
      <c r="V264" s="2" t="s">
        <v>34</v>
      </c>
    </row>
    <row r="265" spans="1:22" x14ac:dyDescent="0.25">
      <c r="A265" s="2" t="s">
        <v>843</v>
      </c>
      <c r="B265" s="3" t="s">
        <v>720</v>
      </c>
      <c r="C265" s="2" t="s">
        <v>721</v>
      </c>
      <c r="D265" s="4" t="s">
        <v>202</v>
      </c>
      <c r="E265" s="2" t="s">
        <v>853</v>
      </c>
      <c r="F265" s="2" t="s">
        <v>1508</v>
      </c>
      <c r="G265" s="2" t="s">
        <v>404</v>
      </c>
      <c r="H265" s="2" t="s">
        <v>86</v>
      </c>
      <c r="I265" s="2" t="s">
        <v>861</v>
      </c>
      <c r="J265" s="2" t="s">
        <v>1509</v>
      </c>
      <c r="K265" s="2" t="s">
        <v>29</v>
      </c>
      <c r="L265" s="2" t="s">
        <v>30</v>
      </c>
      <c r="M265" s="2" t="s">
        <v>116</v>
      </c>
      <c r="N265" s="2" t="s">
        <v>183</v>
      </c>
      <c r="O265" s="2" t="s">
        <v>189</v>
      </c>
      <c r="P265" s="2" t="s">
        <v>118</v>
      </c>
      <c r="Q265" s="2" t="s">
        <v>34</v>
      </c>
      <c r="R265" s="2" t="s">
        <v>35</v>
      </c>
      <c r="S265" s="2" t="s">
        <v>1510</v>
      </c>
      <c r="T265" s="2" t="s">
        <v>34</v>
      </c>
      <c r="U265" s="2" t="s">
        <v>34</v>
      </c>
      <c r="V265" s="2" t="s">
        <v>34</v>
      </c>
    </row>
    <row r="266" spans="1:22" x14ac:dyDescent="0.25">
      <c r="A266" s="2" t="s">
        <v>843</v>
      </c>
      <c r="B266" s="3" t="s">
        <v>720</v>
      </c>
      <c r="C266" s="2" t="s">
        <v>721</v>
      </c>
      <c r="D266" s="4" t="s">
        <v>1264</v>
      </c>
      <c r="E266" s="2" t="s">
        <v>853</v>
      </c>
      <c r="F266" s="2" t="s">
        <v>1049</v>
      </c>
      <c r="G266" s="2" t="s">
        <v>95</v>
      </c>
      <c r="H266" s="2" t="s">
        <v>86</v>
      </c>
      <c r="I266" s="2" t="s">
        <v>861</v>
      </c>
      <c r="J266" s="2" t="s">
        <v>1050</v>
      </c>
      <c r="K266" s="2" t="s">
        <v>29</v>
      </c>
      <c r="L266" s="2" t="s">
        <v>30</v>
      </c>
      <c r="M266" s="2" t="s">
        <v>116</v>
      </c>
      <c r="N266" s="2" t="s">
        <v>183</v>
      </c>
      <c r="O266" s="2" t="s">
        <v>189</v>
      </c>
      <c r="P266" s="2" t="s">
        <v>118</v>
      </c>
      <c r="Q266" s="2" t="s">
        <v>34</v>
      </c>
      <c r="R266" s="2" t="s">
        <v>35</v>
      </c>
      <c r="S266" s="2" t="s">
        <v>1051</v>
      </c>
      <c r="T266" s="2" t="s">
        <v>34</v>
      </c>
      <c r="U266" s="2" t="s">
        <v>34</v>
      </c>
      <c r="V266" s="2" t="s">
        <v>34</v>
      </c>
    </row>
    <row r="267" spans="1:22" x14ac:dyDescent="0.25">
      <c r="A267" s="2" t="s">
        <v>843</v>
      </c>
      <c r="B267" s="3" t="s">
        <v>720</v>
      </c>
      <c r="C267" s="2" t="s">
        <v>721</v>
      </c>
      <c r="D267" s="4" t="s">
        <v>1391</v>
      </c>
      <c r="E267" s="2" t="s">
        <v>853</v>
      </c>
      <c r="F267" s="2" t="s">
        <v>1053</v>
      </c>
      <c r="G267" s="2" t="s">
        <v>290</v>
      </c>
      <c r="H267" s="2" t="s">
        <v>86</v>
      </c>
      <c r="I267" s="2" t="s">
        <v>861</v>
      </c>
      <c r="J267" s="2" t="s">
        <v>1054</v>
      </c>
      <c r="K267" s="2" t="s">
        <v>29</v>
      </c>
      <c r="L267" s="2" t="s">
        <v>30</v>
      </c>
      <c r="M267" s="2" t="s">
        <v>116</v>
      </c>
      <c r="N267" s="2" t="s">
        <v>183</v>
      </c>
      <c r="O267" s="2" t="s">
        <v>189</v>
      </c>
      <c r="P267" s="2" t="s">
        <v>118</v>
      </c>
      <c r="Q267" s="2" t="s">
        <v>34</v>
      </c>
      <c r="R267" s="2" t="s">
        <v>35</v>
      </c>
      <c r="S267" s="2" t="s">
        <v>1055</v>
      </c>
      <c r="T267" s="2" t="s">
        <v>34</v>
      </c>
      <c r="U267" s="2" t="s">
        <v>34</v>
      </c>
      <c r="V267" s="2" t="s">
        <v>34</v>
      </c>
    </row>
    <row r="268" spans="1:22" x14ac:dyDescent="0.25">
      <c r="A268" s="2" t="s">
        <v>843</v>
      </c>
      <c r="B268" s="3" t="s">
        <v>720</v>
      </c>
      <c r="C268" s="2" t="s">
        <v>721</v>
      </c>
      <c r="D268" s="4" t="s">
        <v>1268</v>
      </c>
      <c r="E268" s="2" t="s">
        <v>935</v>
      </c>
      <c r="F268" s="2" t="s">
        <v>1584</v>
      </c>
      <c r="G268" s="2" t="s">
        <v>235</v>
      </c>
      <c r="H268" s="2" t="s">
        <v>86</v>
      </c>
      <c r="I268" s="2" t="s">
        <v>34</v>
      </c>
      <c r="J268" s="2" t="s">
        <v>1585</v>
      </c>
      <c r="K268" s="2" t="s">
        <v>29</v>
      </c>
      <c r="L268" s="2" t="s">
        <v>30</v>
      </c>
      <c r="M268" s="2" t="s">
        <v>31</v>
      </c>
      <c r="N268" s="2" t="s">
        <v>49</v>
      </c>
      <c r="O268" s="2" t="s">
        <v>189</v>
      </c>
      <c r="P268" s="2" t="s">
        <v>118</v>
      </c>
      <c r="Q268" s="2" t="s">
        <v>34</v>
      </c>
      <c r="R268" s="2" t="s">
        <v>35</v>
      </c>
      <c r="S268" s="2" t="s">
        <v>1586</v>
      </c>
      <c r="T268" s="2" t="s">
        <v>34</v>
      </c>
      <c r="U268" s="2" t="s">
        <v>34</v>
      </c>
      <c r="V268" s="2" t="s">
        <v>34</v>
      </c>
    </row>
    <row r="269" spans="1:22" x14ac:dyDescent="0.25">
      <c r="A269" s="2" t="s">
        <v>843</v>
      </c>
      <c r="B269" s="3" t="s">
        <v>720</v>
      </c>
      <c r="C269" s="2" t="s">
        <v>721</v>
      </c>
      <c r="D269" s="4" t="s">
        <v>1272</v>
      </c>
      <c r="E269" s="2" t="s">
        <v>935</v>
      </c>
      <c r="F269" s="2" t="s">
        <v>1587</v>
      </c>
      <c r="G269" s="2" t="s">
        <v>38</v>
      </c>
      <c r="H269" s="2" t="s">
        <v>86</v>
      </c>
      <c r="I269" s="2" t="s">
        <v>34</v>
      </c>
      <c r="J269" s="2" t="s">
        <v>1588</v>
      </c>
      <c r="K269" s="2" t="s">
        <v>29</v>
      </c>
      <c r="L269" s="2" t="s">
        <v>30</v>
      </c>
      <c r="M269" s="2" t="s">
        <v>31</v>
      </c>
      <c r="N269" s="2" t="s">
        <v>49</v>
      </c>
      <c r="O269" s="2" t="s">
        <v>189</v>
      </c>
      <c r="P269" s="2" t="s">
        <v>118</v>
      </c>
      <c r="Q269" s="2" t="s">
        <v>34</v>
      </c>
      <c r="R269" s="2" t="s">
        <v>35</v>
      </c>
      <c r="S269" s="2" t="s">
        <v>1589</v>
      </c>
      <c r="T269" s="2" t="s">
        <v>34</v>
      </c>
      <c r="U269" s="2" t="s">
        <v>34</v>
      </c>
      <c r="V269" s="2" t="s">
        <v>34</v>
      </c>
    </row>
    <row r="270" spans="1:22" x14ac:dyDescent="0.25">
      <c r="A270" s="2" t="s">
        <v>843</v>
      </c>
      <c r="B270" s="3" t="s">
        <v>720</v>
      </c>
      <c r="C270" s="2" t="s">
        <v>721</v>
      </c>
      <c r="D270" s="4" t="s">
        <v>1276</v>
      </c>
      <c r="E270" s="2" t="s">
        <v>935</v>
      </c>
      <c r="F270" s="2" t="s">
        <v>1590</v>
      </c>
      <c r="G270" s="2" t="s">
        <v>26</v>
      </c>
      <c r="H270" s="2" t="s">
        <v>86</v>
      </c>
      <c r="I270" s="2" t="s">
        <v>34</v>
      </c>
      <c r="J270" s="2" t="s">
        <v>1591</v>
      </c>
      <c r="K270" s="2" t="s">
        <v>29</v>
      </c>
      <c r="L270" s="2" t="s">
        <v>30</v>
      </c>
      <c r="M270" s="2" t="s">
        <v>31</v>
      </c>
      <c r="N270" s="2" t="s">
        <v>49</v>
      </c>
      <c r="O270" s="2" t="s">
        <v>189</v>
      </c>
      <c r="P270" s="2" t="s">
        <v>118</v>
      </c>
      <c r="Q270" s="2" t="s">
        <v>34</v>
      </c>
      <c r="R270" s="2" t="s">
        <v>35</v>
      </c>
      <c r="S270" s="2" t="s">
        <v>1592</v>
      </c>
      <c r="T270" s="2" t="s">
        <v>34</v>
      </c>
      <c r="U270" s="2" t="s">
        <v>34</v>
      </c>
      <c r="V270" s="2" t="s">
        <v>34</v>
      </c>
    </row>
    <row r="271" spans="1:22" x14ac:dyDescent="0.25">
      <c r="A271" s="2" t="s">
        <v>843</v>
      </c>
      <c r="B271" s="3" t="s">
        <v>720</v>
      </c>
      <c r="C271" s="2" t="s">
        <v>721</v>
      </c>
      <c r="D271" s="4" t="s">
        <v>227</v>
      </c>
      <c r="E271" s="2" t="s">
        <v>1280</v>
      </c>
      <c r="F271" s="2" t="s">
        <v>1593</v>
      </c>
      <c r="G271" s="2" t="s">
        <v>283</v>
      </c>
      <c r="H271" s="2" t="s">
        <v>27</v>
      </c>
      <c r="I271" s="2" t="s">
        <v>34</v>
      </c>
      <c r="J271" s="2" t="s">
        <v>34</v>
      </c>
      <c r="K271" s="2" t="s">
        <v>29</v>
      </c>
      <c r="L271" s="2" t="s">
        <v>30</v>
      </c>
      <c r="M271" s="2" t="s">
        <v>1131</v>
      </c>
      <c r="N271" s="2" t="s">
        <v>183</v>
      </c>
      <c r="O271" s="2" t="s">
        <v>189</v>
      </c>
      <c r="P271" s="2" t="s">
        <v>34</v>
      </c>
      <c r="Q271" s="2" t="s">
        <v>34</v>
      </c>
      <c r="R271" s="2" t="s">
        <v>35</v>
      </c>
      <c r="S271" s="2" t="s">
        <v>1594</v>
      </c>
      <c r="T271" s="2" t="s">
        <v>34</v>
      </c>
      <c r="U271" s="2" t="s">
        <v>34</v>
      </c>
      <c r="V271" s="2" t="s">
        <v>34</v>
      </c>
    </row>
    <row r="272" spans="1:22" x14ac:dyDescent="0.25">
      <c r="A272" s="2" t="s">
        <v>843</v>
      </c>
      <c r="B272" s="3" t="s">
        <v>720</v>
      </c>
      <c r="C272" s="2" t="s">
        <v>721</v>
      </c>
      <c r="D272" s="4" t="s">
        <v>509</v>
      </c>
      <c r="E272" s="2" t="s">
        <v>1280</v>
      </c>
      <c r="F272" s="2" t="s">
        <v>1595</v>
      </c>
      <c r="G272" s="2" t="s">
        <v>80</v>
      </c>
      <c r="H272" s="2" t="s">
        <v>27</v>
      </c>
      <c r="I272" s="2" t="s">
        <v>34</v>
      </c>
      <c r="J272" s="2" t="s">
        <v>34</v>
      </c>
      <c r="K272" s="2" t="s">
        <v>29</v>
      </c>
      <c r="L272" s="2" t="s">
        <v>30</v>
      </c>
      <c r="M272" s="2" t="s">
        <v>1131</v>
      </c>
      <c r="N272" s="2" t="s">
        <v>183</v>
      </c>
      <c r="O272" s="2" t="s">
        <v>189</v>
      </c>
      <c r="P272" s="2" t="s">
        <v>34</v>
      </c>
      <c r="Q272" s="2" t="s">
        <v>34</v>
      </c>
      <c r="R272" s="2" t="s">
        <v>35</v>
      </c>
      <c r="S272" s="2" t="s">
        <v>1596</v>
      </c>
      <c r="T272" s="2" t="s">
        <v>34</v>
      </c>
      <c r="U272" s="2" t="s">
        <v>34</v>
      </c>
      <c r="V272" s="2" t="s">
        <v>34</v>
      </c>
    </row>
    <row r="273" spans="1:22" x14ac:dyDescent="0.25">
      <c r="A273" s="2" t="s">
        <v>843</v>
      </c>
      <c r="B273" s="3" t="s">
        <v>720</v>
      </c>
      <c r="C273" s="2" t="s">
        <v>721</v>
      </c>
      <c r="D273" s="4" t="s">
        <v>1287</v>
      </c>
      <c r="E273" s="2" t="s">
        <v>853</v>
      </c>
      <c r="F273" s="2" t="s">
        <v>1597</v>
      </c>
      <c r="G273" s="2" t="s">
        <v>407</v>
      </c>
      <c r="H273" s="2" t="s">
        <v>27</v>
      </c>
      <c r="I273" s="2" t="s">
        <v>861</v>
      </c>
      <c r="J273" s="2" t="s">
        <v>1598</v>
      </c>
      <c r="K273" s="2" t="s">
        <v>29</v>
      </c>
      <c r="L273" s="2" t="s">
        <v>30</v>
      </c>
      <c r="M273" s="2" t="s">
        <v>116</v>
      </c>
      <c r="N273" s="2" t="s">
        <v>525</v>
      </c>
      <c r="O273" s="2" t="s">
        <v>189</v>
      </c>
      <c r="P273" s="2" t="s">
        <v>118</v>
      </c>
      <c r="Q273" s="2" t="s">
        <v>34</v>
      </c>
      <c r="R273" s="2" t="s">
        <v>35</v>
      </c>
      <c r="S273" s="2" t="s">
        <v>1599</v>
      </c>
      <c r="T273" s="2" t="s">
        <v>34</v>
      </c>
      <c r="U273" s="2" t="s">
        <v>34</v>
      </c>
      <c r="V273" s="2" t="s">
        <v>34</v>
      </c>
    </row>
    <row r="274" spans="1:22" x14ac:dyDescent="0.25">
      <c r="A274" s="2" t="s">
        <v>843</v>
      </c>
      <c r="B274" s="3" t="s">
        <v>720</v>
      </c>
      <c r="C274" s="2" t="s">
        <v>721</v>
      </c>
      <c r="D274" s="4" t="s">
        <v>1120</v>
      </c>
      <c r="E274" s="2" t="s">
        <v>853</v>
      </c>
      <c r="F274" s="2" t="s">
        <v>1600</v>
      </c>
      <c r="G274" s="2" t="s">
        <v>584</v>
      </c>
      <c r="H274" s="2" t="s">
        <v>27</v>
      </c>
      <c r="I274" s="2" t="s">
        <v>861</v>
      </c>
      <c r="J274" s="2" t="s">
        <v>1601</v>
      </c>
      <c r="K274" s="2" t="s">
        <v>29</v>
      </c>
      <c r="L274" s="2" t="s">
        <v>30</v>
      </c>
      <c r="M274" s="2" t="s">
        <v>116</v>
      </c>
      <c r="N274" s="2" t="s">
        <v>525</v>
      </c>
      <c r="O274" s="2" t="s">
        <v>189</v>
      </c>
      <c r="P274" s="2" t="s">
        <v>118</v>
      </c>
      <c r="Q274" s="2" t="s">
        <v>34</v>
      </c>
      <c r="R274" s="2" t="s">
        <v>35</v>
      </c>
      <c r="S274" s="2" t="s">
        <v>1602</v>
      </c>
      <c r="T274" s="2" t="s">
        <v>34</v>
      </c>
      <c r="U274" s="2" t="s">
        <v>34</v>
      </c>
      <c r="V274" s="2" t="s">
        <v>34</v>
      </c>
    </row>
    <row r="275" spans="1:22" x14ac:dyDescent="0.25">
      <c r="A275" s="2" t="s">
        <v>843</v>
      </c>
      <c r="B275" s="3" t="s">
        <v>720</v>
      </c>
      <c r="C275" s="2" t="s">
        <v>721</v>
      </c>
      <c r="D275" s="4" t="s">
        <v>244</v>
      </c>
      <c r="E275" s="2" t="s">
        <v>914</v>
      </c>
      <c r="F275" s="2" t="s">
        <v>1603</v>
      </c>
      <c r="G275" s="2" t="s">
        <v>283</v>
      </c>
      <c r="H275" s="2" t="s">
        <v>27</v>
      </c>
      <c r="I275" s="2" t="s">
        <v>1482</v>
      </c>
      <c r="J275" s="2" t="s">
        <v>1604</v>
      </c>
      <c r="K275" s="2" t="s">
        <v>29</v>
      </c>
      <c r="L275" s="2" t="s">
        <v>30</v>
      </c>
      <c r="M275" s="2" t="s">
        <v>31</v>
      </c>
      <c r="N275" s="2" t="s">
        <v>183</v>
      </c>
      <c r="O275" s="2" t="s">
        <v>189</v>
      </c>
      <c r="P275" s="2" t="s">
        <v>118</v>
      </c>
      <c r="Q275" s="2" t="s">
        <v>34</v>
      </c>
      <c r="R275" s="2" t="s">
        <v>35</v>
      </c>
      <c r="S275" s="2" t="s">
        <v>1605</v>
      </c>
      <c r="T275" s="2" t="s">
        <v>34</v>
      </c>
      <c r="U275" s="2" t="s">
        <v>34</v>
      </c>
      <c r="V275" s="2" t="s">
        <v>34</v>
      </c>
    </row>
    <row r="276" spans="1:22" x14ac:dyDescent="0.25">
      <c r="A276" s="2" t="s">
        <v>843</v>
      </c>
      <c r="B276" s="3" t="s">
        <v>720</v>
      </c>
      <c r="C276" s="2" t="s">
        <v>721</v>
      </c>
      <c r="D276" s="4" t="s">
        <v>1291</v>
      </c>
      <c r="E276" s="2" t="s">
        <v>914</v>
      </c>
      <c r="F276" s="2" t="s">
        <v>1606</v>
      </c>
      <c r="G276" s="2" t="s">
        <v>80</v>
      </c>
      <c r="H276" s="2" t="s">
        <v>27</v>
      </c>
      <c r="I276" s="2" t="s">
        <v>1482</v>
      </c>
      <c r="J276" s="2" t="s">
        <v>1607</v>
      </c>
      <c r="K276" s="2" t="s">
        <v>29</v>
      </c>
      <c r="L276" s="2" t="s">
        <v>30</v>
      </c>
      <c r="M276" s="2" t="s">
        <v>31</v>
      </c>
      <c r="N276" s="2" t="s">
        <v>183</v>
      </c>
      <c r="O276" s="2" t="s">
        <v>189</v>
      </c>
      <c r="P276" s="2" t="s">
        <v>118</v>
      </c>
      <c r="Q276" s="2" t="s">
        <v>34</v>
      </c>
      <c r="R276" s="2" t="s">
        <v>35</v>
      </c>
      <c r="S276" s="2" t="s">
        <v>1608</v>
      </c>
      <c r="T276" s="2" t="s">
        <v>34</v>
      </c>
      <c r="U276" s="2" t="s">
        <v>34</v>
      </c>
      <c r="V276" s="2" t="s">
        <v>34</v>
      </c>
    </row>
    <row r="277" spans="1:22" x14ac:dyDescent="0.25">
      <c r="A277" s="2" t="s">
        <v>843</v>
      </c>
      <c r="B277" s="3" t="s">
        <v>720</v>
      </c>
      <c r="C277" s="2" t="s">
        <v>721</v>
      </c>
      <c r="D277" s="4" t="s">
        <v>1295</v>
      </c>
      <c r="E277" s="2" t="s">
        <v>1128</v>
      </c>
      <c r="F277" s="2" t="s">
        <v>1609</v>
      </c>
      <c r="G277" s="2" t="s">
        <v>44</v>
      </c>
      <c r="H277" s="2" t="s">
        <v>45</v>
      </c>
      <c r="I277" s="2" t="s">
        <v>34</v>
      </c>
      <c r="J277" s="2" t="s">
        <v>1610</v>
      </c>
      <c r="K277" s="2" t="s">
        <v>29</v>
      </c>
      <c r="L277" s="2" t="s">
        <v>30</v>
      </c>
      <c r="M277" s="2" t="s">
        <v>1131</v>
      </c>
      <c r="N277" s="2" t="s">
        <v>183</v>
      </c>
      <c r="O277" s="2" t="s">
        <v>189</v>
      </c>
      <c r="P277" s="2" t="s">
        <v>118</v>
      </c>
      <c r="Q277" s="2" t="s">
        <v>34</v>
      </c>
      <c r="R277" s="2" t="s">
        <v>35</v>
      </c>
      <c r="S277" s="2" t="s">
        <v>1611</v>
      </c>
      <c r="T277" s="2" t="s">
        <v>34</v>
      </c>
      <c r="U277" s="2" t="s">
        <v>34</v>
      </c>
      <c r="V277" s="2" t="s">
        <v>1072</v>
      </c>
    </row>
    <row r="278" spans="1:22" x14ac:dyDescent="0.25">
      <c r="A278" s="2" t="s">
        <v>843</v>
      </c>
      <c r="B278" s="3" t="s">
        <v>720</v>
      </c>
      <c r="C278" s="2" t="s">
        <v>721</v>
      </c>
      <c r="D278" s="4" t="s">
        <v>1299</v>
      </c>
      <c r="E278" s="2" t="s">
        <v>1128</v>
      </c>
      <c r="F278" s="2" t="s">
        <v>1612</v>
      </c>
      <c r="G278" s="2" t="s">
        <v>54</v>
      </c>
      <c r="H278" s="2" t="s">
        <v>45</v>
      </c>
      <c r="I278" s="2" t="s">
        <v>34</v>
      </c>
      <c r="J278" s="2" t="s">
        <v>1613</v>
      </c>
      <c r="K278" s="2" t="s">
        <v>29</v>
      </c>
      <c r="L278" s="2" t="s">
        <v>34</v>
      </c>
      <c r="M278" s="2" t="s">
        <v>1131</v>
      </c>
      <c r="N278" s="2" t="s">
        <v>183</v>
      </c>
      <c r="O278" s="2" t="s">
        <v>189</v>
      </c>
      <c r="P278" s="2" t="s">
        <v>118</v>
      </c>
      <c r="Q278" s="2" t="s">
        <v>34</v>
      </c>
      <c r="R278" s="2" t="s">
        <v>35</v>
      </c>
      <c r="S278" s="2" t="s">
        <v>1614</v>
      </c>
      <c r="T278" s="2" t="s">
        <v>34</v>
      </c>
      <c r="U278" s="2" t="s">
        <v>34</v>
      </c>
      <c r="V278" s="2" t="s">
        <v>1072</v>
      </c>
    </row>
    <row r="279" spans="1:22" x14ac:dyDescent="0.25">
      <c r="A279" s="2" t="s">
        <v>843</v>
      </c>
      <c r="B279" s="3" t="s">
        <v>720</v>
      </c>
      <c r="C279" s="2" t="s">
        <v>721</v>
      </c>
      <c r="D279" s="4" t="s">
        <v>259</v>
      </c>
      <c r="E279" s="2" t="s">
        <v>1303</v>
      </c>
      <c r="F279" s="2" t="s">
        <v>1615</v>
      </c>
      <c r="G279" s="2" t="s">
        <v>1616</v>
      </c>
      <c r="H279" s="2" t="s">
        <v>27</v>
      </c>
      <c r="I279" s="2" t="s">
        <v>1617</v>
      </c>
      <c r="J279" s="2" t="s">
        <v>1618</v>
      </c>
      <c r="K279" s="2" t="s">
        <v>29</v>
      </c>
      <c r="L279" s="2" t="s">
        <v>895</v>
      </c>
      <c r="M279" s="2" t="s">
        <v>1308</v>
      </c>
      <c r="N279" s="2" t="s">
        <v>1309</v>
      </c>
      <c r="O279" s="2" t="s">
        <v>1310</v>
      </c>
      <c r="P279" s="2" t="s">
        <v>118</v>
      </c>
      <c r="Q279" s="2" t="s">
        <v>857</v>
      </c>
      <c r="R279" s="2" t="s">
        <v>35</v>
      </c>
      <c r="S279" s="2" t="s">
        <v>1619</v>
      </c>
      <c r="T279" s="2" t="s">
        <v>34</v>
      </c>
      <c r="U279" s="2" t="s">
        <v>34</v>
      </c>
      <c r="V279" s="2" t="s">
        <v>34</v>
      </c>
    </row>
    <row r="280" spans="1:22" x14ac:dyDescent="0.25">
      <c r="A280" s="2"/>
      <c r="B280" s="3"/>
      <c r="C280" s="2"/>
      <c r="D280" s="4"/>
      <c r="E280" s="5" t="s">
        <v>1000</v>
      </c>
      <c r="F280" s="2"/>
      <c r="G280" s="2"/>
      <c r="H280" s="2"/>
      <c r="I280" s="2"/>
      <c r="J280" s="2"/>
      <c r="K280" s="2"/>
      <c r="L280" s="2"/>
      <c r="M280" s="2"/>
      <c r="N280" s="2"/>
      <c r="O280" s="2"/>
      <c r="P280" s="2"/>
      <c r="Q280" s="2"/>
      <c r="R280" s="2"/>
      <c r="S280" s="2"/>
      <c r="T280" s="2"/>
      <c r="U280" s="2"/>
      <c r="V280" s="2"/>
    </row>
    <row r="281" spans="1:22" x14ac:dyDescent="0.25">
      <c r="A281" s="2"/>
      <c r="B281" s="3"/>
      <c r="C281" s="2"/>
      <c r="D281" s="4"/>
      <c r="E281" s="2"/>
      <c r="F281" s="2"/>
      <c r="G281" s="2"/>
      <c r="H281" s="2"/>
      <c r="I281" s="2"/>
      <c r="J281" s="2"/>
      <c r="K281" s="2"/>
      <c r="L281" s="2"/>
      <c r="M281" s="2"/>
      <c r="N281" s="2"/>
      <c r="O281" s="2"/>
      <c r="P281" s="2"/>
      <c r="Q281" s="2"/>
      <c r="R281" s="2"/>
      <c r="S281" s="2"/>
      <c r="T281" s="2"/>
      <c r="U281" s="2"/>
      <c r="V281" s="2"/>
    </row>
    <row r="282" spans="1:22" x14ac:dyDescent="0.25">
      <c r="A282" s="2" t="s">
        <v>843</v>
      </c>
      <c r="B282" s="3" t="s">
        <v>789</v>
      </c>
      <c r="C282" s="2" t="s">
        <v>790</v>
      </c>
      <c r="D282" s="4" t="s">
        <v>24</v>
      </c>
      <c r="E282" s="2" t="s">
        <v>935</v>
      </c>
      <c r="F282" s="2" t="s">
        <v>1620</v>
      </c>
      <c r="G282" s="2" t="s">
        <v>75</v>
      </c>
      <c r="H282" s="2" t="s">
        <v>45</v>
      </c>
      <c r="I282" s="2" t="s">
        <v>1313</v>
      </c>
      <c r="J282" s="2" t="s">
        <v>1621</v>
      </c>
      <c r="K282" s="2" t="s">
        <v>29</v>
      </c>
      <c r="L282" s="2" t="s">
        <v>30</v>
      </c>
      <c r="M282" s="2" t="s">
        <v>31</v>
      </c>
      <c r="N282" s="2" t="s">
        <v>525</v>
      </c>
      <c r="O282" s="2" t="s">
        <v>189</v>
      </c>
      <c r="P282" s="2" t="s">
        <v>34</v>
      </c>
      <c r="Q282" s="2" t="s">
        <v>34</v>
      </c>
      <c r="R282" s="2" t="s">
        <v>35</v>
      </c>
      <c r="S282" s="2" t="s">
        <v>1622</v>
      </c>
      <c r="T282" s="2" t="s">
        <v>34</v>
      </c>
      <c r="U282" s="2" t="s">
        <v>34</v>
      </c>
      <c r="V282" s="2" t="s">
        <v>34</v>
      </c>
    </row>
    <row r="283" spans="1:22" x14ac:dyDescent="0.25">
      <c r="A283" s="2" t="s">
        <v>843</v>
      </c>
      <c r="B283" s="3" t="s">
        <v>789</v>
      </c>
      <c r="C283" s="2" t="s">
        <v>790</v>
      </c>
      <c r="D283" s="4" t="s">
        <v>849</v>
      </c>
      <c r="E283" s="2" t="s">
        <v>935</v>
      </c>
      <c r="F283" s="2" t="s">
        <v>1623</v>
      </c>
      <c r="G283" s="2" t="s">
        <v>147</v>
      </c>
      <c r="H283" s="2" t="s">
        <v>45</v>
      </c>
      <c r="I283" s="2" t="s">
        <v>1313</v>
      </c>
      <c r="J283" s="2" t="s">
        <v>1624</v>
      </c>
      <c r="K283" s="2" t="s">
        <v>29</v>
      </c>
      <c r="L283" s="2" t="s">
        <v>30</v>
      </c>
      <c r="M283" s="2" t="s">
        <v>31</v>
      </c>
      <c r="N283" s="2" t="s">
        <v>525</v>
      </c>
      <c r="O283" s="2" t="s">
        <v>189</v>
      </c>
      <c r="P283" s="2" t="s">
        <v>34</v>
      </c>
      <c r="Q283" s="2" t="s">
        <v>34</v>
      </c>
      <c r="R283" s="2" t="s">
        <v>35</v>
      </c>
      <c r="S283" s="2" t="s">
        <v>1625</v>
      </c>
      <c r="T283" s="2" t="s">
        <v>34</v>
      </c>
      <c r="U283" s="2" t="s">
        <v>34</v>
      </c>
      <c r="V283" s="2" t="s">
        <v>34</v>
      </c>
    </row>
    <row r="284" spans="1:22" x14ac:dyDescent="0.25">
      <c r="A284" s="2" t="s">
        <v>843</v>
      </c>
      <c r="B284" s="3" t="s">
        <v>789</v>
      </c>
      <c r="C284" s="2" t="s">
        <v>790</v>
      </c>
      <c r="D284" s="4" t="s">
        <v>1152</v>
      </c>
      <c r="E284" s="2" t="s">
        <v>853</v>
      </c>
      <c r="F284" s="2" t="s">
        <v>1431</v>
      </c>
      <c r="G284" s="2" t="s">
        <v>373</v>
      </c>
      <c r="H284" s="2" t="s">
        <v>86</v>
      </c>
      <c r="I284" s="2" t="s">
        <v>861</v>
      </c>
      <c r="J284" s="2" t="s">
        <v>1432</v>
      </c>
      <c r="K284" s="2" t="s">
        <v>29</v>
      </c>
      <c r="L284" s="2" t="s">
        <v>30</v>
      </c>
      <c r="M284" s="2" t="s">
        <v>116</v>
      </c>
      <c r="N284" s="2" t="s">
        <v>183</v>
      </c>
      <c r="O284" s="2" t="s">
        <v>189</v>
      </c>
      <c r="P284" s="2" t="s">
        <v>118</v>
      </c>
      <c r="Q284" s="2" t="s">
        <v>34</v>
      </c>
      <c r="R284" s="2" t="s">
        <v>35</v>
      </c>
      <c r="S284" s="2" t="s">
        <v>1433</v>
      </c>
      <c r="T284" s="2" t="s">
        <v>34</v>
      </c>
      <c r="U284" s="2" t="s">
        <v>34</v>
      </c>
      <c r="V284" s="2" t="s">
        <v>34</v>
      </c>
    </row>
    <row r="285" spans="1:22" x14ac:dyDescent="0.25">
      <c r="A285" s="2" t="s">
        <v>843</v>
      </c>
      <c r="B285" s="3" t="s">
        <v>789</v>
      </c>
      <c r="C285" s="2" t="s">
        <v>790</v>
      </c>
      <c r="D285" s="4" t="s">
        <v>52</v>
      </c>
      <c r="E285" s="2" t="s">
        <v>853</v>
      </c>
      <c r="F285" s="2" t="s">
        <v>1435</v>
      </c>
      <c r="G285" s="2" t="s">
        <v>274</v>
      </c>
      <c r="H285" s="2" t="s">
        <v>86</v>
      </c>
      <c r="I285" s="2" t="s">
        <v>861</v>
      </c>
      <c r="J285" s="2" t="s">
        <v>1436</v>
      </c>
      <c r="K285" s="2" t="s">
        <v>29</v>
      </c>
      <c r="L285" s="2" t="s">
        <v>30</v>
      </c>
      <c r="M285" s="2" t="s">
        <v>116</v>
      </c>
      <c r="N285" s="2" t="s">
        <v>183</v>
      </c>
      <c r="O285" s="2" t="s">
        <v>189</v>
      </c>
      <c r="P285" s="2" t="s">
        <v>118</v>
      </c>
      <c r="Q285" s="2" t="s">
        <v>34</v>
      </c>
      <c r="R285" s="2" t="s">
        <v>35</v>
      </c>
      <c r="S285" s="2" t="s">
        <v>1437</v>
      </c>
      <c r="T285" s="2" t="s">
        <v>34</v>
      </c>
      <c r="U285" s="2" t="s">
        <v>34</v>
      </c>
      <c r="V285" s="2" t="s">
        <v>34</v>
      </c>
    </row>
    <row r="286" spans="1:22" x14ac:dyDescent="0.25">
      <c r="A286" s="2" t="s">
        <v>843</v>
      </c>
      <c r="B286" s="3" t="s">
        <v>789</v>
      </c>
      <c r="C286" s="2" t="s">
        <v>790</v>
      </c>
      <c r="D286" s="4" t="s">
        <v>1159</v>
      </c>
      <c r="E286" s="2" t="s">
        <v>853</v>
      </c>
      <c r="F286" s="2" t="s">
        <v>1260</v>
      </c>
      <c r="G286" s="2" t="s">
        <v>235</v>
      </c>
      <c r="H286" s="2" t="s">
        <v>86</v>
      </c>
      <c r="I286" s="2" t="s">
        <v>861</v>
      </c>
      <c r="J286" s="2" t="s">
        <v>1261</v>
      </c>
      <c r="K286" s="2" t="s">
        <v>29</v>
      </c>
      <c r="L286" s="2" t="s">
        <v>30</v>
      </c>
      <c r="M286" s="2" t="s">
        <v>116</v>
      </c>
      <c r="N286" s="2" t="s">
        <v>183</v>
      </c>
      <c r="O286" s="2" t="s">
        <v>189</v>
      </c>
      <c r="P286" s="2" t="s">
        <v>118</v>
      </c>
      <c r="Q286" s="2" t="s">
        <v>34</v>
      </c>
      <c r="R286" s="2" t="s">
        <v>35</v>
      </c>
      <c r="S286" s="2" t="s">
        <v>1262</v>
      </c>
      <c r="T286" s="2" t="s">
        <v>34</v>
      </c>
      <c r="U286" s="2" t="s">
        <v>34</v>
      </c>
      <c r="V286" s="2" t="s">
        <v>34</v>
      </c>
    </row>
    <row r="287" spans="1:22" x14ac:dyDescent="0.25">
      <c r="A287" s="2" t="s">
        <v>843</v>
      </c>
      <c r="B287" s="3" t="s">
        <v>789</v>
      </c>
      <c r="C287" s="2" t="s">
        <v>790</v>
      </c>
      <c r="D287" s="4" t="s">
        <v>78</v>
      </c>
      <c r="E287" s="2" t="s">
        <v>897</v>
      </c>
      <c r="F287" s="2" t="s">
        <v>1626</v>
      </c>
      <c r="G287" s="2" t="s">
        <v>44</v>
      </c>
      <c r="H287" s="2" t="s">
        <v>45</v>
      </c>
      <c r="I287" s="2" t="s">
        <v>899</v>
      </c>
      <c r="J287" s="2" t="s">
        <v>1627</v>
      </c>
      <c r="K287" s="2" t="s">
        <v>29</v>
      </c>
      <c r="L287" s="2" t="s">
        <v>30</v>
      </c>
      <c r="M287" s="2" t="s">
        <v>31</v>
      </c>
      <c r="N287" s="2" t="s">
        <v>183</v>
      </c>
      <c r="O287" s="2" t="s">
        <v>189</v>
      </c>
      <c r="P287" s="2" t="s">
        <v>34</v>
      </c>
      <c r="Q287" s="2" t="s">
        <v>34</v>
      </c>
      <c r="R287" s="2" t="s">
        <v>35</v>
      </c>
      <c r="S287" s="2" t="s">
        <v>1628</v>
      </c>
      <c r="T287" s="2" t="s">
        <v>34</v>
      </c>
      <c r="U287" s="2" t="s">
        <v>34</v>
      </c>
      <c r="V287" s="2" t="s">
        <v>34</v>
      </c>
    </row>
    <row r="288" spans="1:22" x14ac:dyDescent="0.25">
      <c r="A288" s="2" t="s">
        <v>843</v>
      </c>
      <c r="B288" s="3" t="s">
        <v>789</v>
      </c>
      <c r="C288" s="2" t="s">
        <v>790</v>
      </c>
      <c r="D288" s="4" t="s">
        <v>1166</v>
      </c>
      <c r="E288" s="2" t="s">
        <v>897</v>
      </c>
      <c r="F288" s="2" t="s">
        <v>1629</v>
      </c>
      <c r="G288" s="2" t="s">
        <v>60</v>
      </c>
      <c r="H288" s="2" t="s">
        <v>45</v>
      </c>
      <c r="I288" s="2" t="s">
        <v>899</v>
      </c>
      <c r="J288" s="2" t="s">
        <v>1630</v>
      </c>
      <c r="K288" s="2" t="s">
        <v>29</v>
      </c>
      <c r="L288" s="2" t="s">
        <v>30</v>
      </c>
      <c r="M288" s="2" t="s">
        <v>31</v>
      </c>
      <c r="N288" s="2" t="s">
        <v>183</v>
      </c>
      <c r="O288" s="2" t="s">
        <v>189</v>
      </c>
      <c r="P288" s="2" t="s">
        <v>34</v>
      </c>
      <c r="Q288" s="2" t="s">
        <v>34</v>
      </c>
      <c r="R288" s="2" t="s">
        <v>35</v>
      </c>
      <c r="S288" s="2" t="s">
        <v>1631</v>
      </c>
      <c r="T288" s="2" t="s">
        <v>34</v>
      </c>
      <c r="U288" s="2" t="s">
        <v>34</v>
      </c>
      <c r="V288" s="2" t="s">
        <v>34</v>
      </c>
    </row>
    <row r="289" spans="1:22" x14ac:dyDescent="0.25">
      <c r="A289" s="2" t="s">
        <v>843</v>
      </c>
      <c r="B289" s="3" t="s">
        <v>789</v>
      </c>
      <c r="C289" s="2" t="s">
        <v>790</v>
      </c>
      <c r="D289" s="4" t="s">
        <v>1170</v>
      </c>
      <c r="E289" s="2" t="s">
        <v>1171</v>
      </c>
      <c r="F289" s="2" t="s">
        <v>1632</v>
      </c>
      <c r="G289" s="2" t="s">
        <v>384</v>
      </c>
      <c r="H289" s="2" t="s">
        <v>45</v>
      </c>
      <c r="I289" s="2" t="s">
        <v>1327</v>
      </c>
      <c r="J289" s="2" t="s">
        <v>1633</v>
      </c>
      <c r="K289" s="2" t="s">
        <v>29</v>
      </c>
      <c r="L289" s="2" t="s">
        <v>30</v>
      </c>
      <c r="M289" s="2" t="s">
        <v>116</v>
      </c>
      <c r="N289" s="2" t="s">
        <v>104</v>
      </c>
      <c r="O289" s="2" t="s">
        <v>189</v>
      </c>
      <c r="P289" s="2" t="s">
        <v>34</v>
      </c>
      <c r="Q289" s="2" t="s">
        <v>34</v>
      </c>
      <c r="R289" s="2" t="s">
        <v>35</v>
      </c>
      <c r="S289" s="2" t="s">
        <v>1634</v>
      </c>
      <c r="T289" s="2" t="s">
        <v>34</v>
      </c>
      <c r="U289" s="2" t="s">
        <v>34</v>
      </c>
      <c r="V289" s="2" t="s">
        <v>34</v>
      </c>
    </row>
    <row r="290" spans="1:22" x14ac:dyDescent="0.25">
      <c r="A290" s="2" t="s">
        <v>843</v>
      </c>
      <c r="B290" s="3" t="s">
        <v>789</v>
      </c>
      <c r="C290" s="2" t="s">
        <v>790</v>
      </c>
      <c r="D290" s="4" t="s">
        <v>1176</v>
      </c>
      <c r="E290" s="2" t="s">
        <v>1171</v>
      </c>
      <c r="F290" s="2" t="s">
        <v>1635</v>
      </c>
      <c r="G290" s="2" t="s">
        <v>388</v>
      </c>
      <c r="H290" s="2" t="s">
        <v>45</v>
      </c>
      <c r="I290" s="2" t="s">
        <v>1331</v>
      </c>
      <c r="J290" s="2" t="s">
        <v>1636</v>
      </c>
      <c r="K290" s="2" t="s">
        <v>29</v>
      </c>
      <c r="L290" s="2" t="s">
        <v>30</v>
      </c>
      <c r="M290" s="2" t="s">
        <v>116</v>
      </c>
      <c r="N290" s="2" t="s">
        <v>104</v>
      </c>
      <c r="O290" s="2" t="s">
        <v>189</v>
      </c>
      <c r="P290" s="2" t="s">
        <v>34</v>
      </c>
      <c r="Q290" s="2" t="s">
        <v>34</v>
      </c>
      <c r="R290" s="2" t="s">
        <v>35</v>
      </c>
      <c r="S290" s="2" t="s">
        <v>1637</v>
      </c>
      <c r="T290" s="2" t="s">
        <v>34</v>
      </c>
      <c r="U290" s="2" t="s">
        <v>34</v>
      </c>
      <c r="V290" s="2" t="s">
        <v>34</v>
      </c>
    </row>
    <row r="291" spans="1:22" x14ac:dyDescent="0.25">
      <c r="A291" s="2" t="s">
        <v>843</v>
      </c>
      <c r="B291" s="3" t="s">
        <v>789</v>
      </c>
      <c r="C291" s="2" t="s">
        <v>790</v>
      </c>
      <c r="D291" s="4" t="s">
        <v>1180</v>
      </c>
      <c r="E291" s="2" t="s">
        <v>935</v>
      </c>
      <c r="F291" s="2" t="s">
        <v>1638</v>
      </c>
      <c r="G291" s="2" t="s">
        <v>480</v>
      </c>
      <c r="H291" s="2" t="s">
        <v>27</v>
      </c>
      <c r="I291" s="2" t="s">
        <v>1029</v>
      </c>
      <c r="J291" s="2" t="s">
        <v>1639</v>
      </c>
      <c r="K291" s="2" t="s">
        <v>29</v>
      </c>
      <c r="L291" s="2" t="s">
        <v>30</v>
      </c>
      <c r="M291" s="2" t="s">
        <v>31</v>
      </c>
      <c r="N291" s="2" t="s">
        <v>104</v>
      </c>
      <c r="O291" s="2" t="s">
        <v>189</v>
      </c>
      <c r="P291" s="2" t="s">
        <v>118</v>
      </c>
      <c r="Q291" s="2" t="s">
        <v>34</v>
      </c>
      <c r="R291" s="2" t="s">
        <v>35</v>
      </c>
      <c r="S291" s="2" t="s">
        <v>1640</v>
      </c>
      <c r="T291" s="2" t="s">
        <v>34</v>
      </c>
      <c r="U291" s="2" t="s">
        <v>34</v>
      </c>
      <c r="V291" s="2" t="s">
        <v>34</v>
      </c>
    </row>
    <row r="292" spans="1:22" x14ac:dyDescent="0.25">
      <c r="A292" s="2" t="s">
        <v>843</v>
      </c>
      <c r="B292" s="3" t="s">
        <v>789</v>
      </c>
      <c r="C292" s="2" t="s">
        <v>790</v>
      </c>
      <c r="D292" s="4" t="s">
        <v>98</v>
      </c>
      <c r="E292" s="2" t="s">
        <v>935</v>
      </c>
      <c r="F292" s="2" t="s">
        <v>1028</v>
      </c>
      <c r="G292" s="2" t="s">
        <v>560</v>
      </c>
      <c r="H292" s="2" t="s">
        <v>27</v>
      </c>
      <c r="I292" s="2" t="s">
        <v>1029</v>
      </c>
      <c r="J292" s="2" t="s">
        <v>1030</v>
      </c>
      <c r="K292" s="2" t="s">
        <v>29</v>
      </c>
      <c r="L292" s="2" t="s">
        <v>30</v>
      </c>
      <c r="M292" s="2" t="s">
        <v>31</v>
      </c>
      <c r="N292" s="2" t="s">
        <v>104</v>
      </c>
      <c r="O292" s="2" t="s">
        <v>189</v>
      </c>
      <c r="P292" s="2" t="s">
        <v>118</v>
      </c>
      <c r="Q292" s="2" t="s">
        <v>34</v>
      </c>
      <c r="R292" s="2" t="s">
        <v>35</v>
      </c>
      <c r="S292" s="2" t="s">
        <v>1031</v>
      </c>
      <c r="T292" s="2" t="s">
        <v>34</v>
      </c>
      <c r="U292" s="2" t="s">
        <v>34</v>
      </c>
      <c r="V292" s="2" t="s">
        <v>34</v>
      </c>
    </row>
    <row r="293" spans="1:22" x14ac:dyDescent="0.25">
      <c r="A293" s="2" t="s">
        <v>843</v>
      </c>
      <c r="B293" s="3" t="s">
        <v>789</v>
      </c>
      <c r="C293" s="2" t="s">
        <v>790</v>
      </c>
      <c r="D293" s="4" t="s">
        <v>1188</v>
      </c>
      <c r="E293" s="2" t="s">
        <v>935</v>
      </c>
      <c r="F293" s="2" t="s">
        <v>1033</v>
      </c>
      <c r="G293" s="2" t="s">
        <v>564</v>
      </c>
      <c r="H293" s="2" t="s">
        <v>27</v>
      </c>
      <c r="I293" s="2" t="s">
        <v>1029</v>
      </c>
      <c r="J293" s="2" t="s">
        <v>1034</v>
      </c>
      <c r="K293" s="2" t="s">
        <v>29</v>
      </c>
      <c r="L293" s="2" t="s">
        <v>30</v>
      </c>
      <c r="M293" s="2" t="s">
        <v>31</v>
      </c>
      <c r="N293" s="2" t="s">
        <v>104</v>
      </c>
      <c r="O293" s="2" t="s">
        <v>189</v>
      </c>
      <c r="P293" s="2" t="s">
        <v>118</v>
      </c>
      <c r="Q293" s="2" t="s">
        <v>34</v>
      </c>
      <c r="R293" s="2" t="s">
        <v>35</v>
      </c>
      <c r="S293" s="2" t="s">
        <v>1035</v>
      </c>
      <c r="T293" s="2" t="s">
        <v>34</v>
      </c>
      <c r="U293" s="2" t="s">
        <v>34</v>
      </c>
      <c r="V293" s="2" t="s">
        <v>34</v>
      </c>
    </row>
    <row r="294" spans="1:22" x14ac:dyDescent="0.25">
      <c r="A294" s="2" t="s">
        <v>843</v>
      </c>
      <c r="B294" s="3" t="s">
        <v>789</v>
      </c>
      <c r="C294" s="2" t="s">
        <v>790</v>
      </c>
      <c r="D294" s="4" t="s">
        <v>1192</v>
      </c>
      <c r="E294" s="2" t="s">
        <v>853</v>
      </c>
      <c r="F294" s="2" t="s">
        <v>1641</v>
      </c>
      <c r="G294" s="2" t="s">
        <v>60</v>
      </c>
      <c r="H294" s="2" t="s">
        <v>45</v>
      </c>
      <c r="I294" s="2" t="s">
        <v>861</v>
      </c>
      <c r="J294" s="2" t="s">
        <v>1642</v>
      </c>
      <c r="K294" s="2" t="s">
        <v>29</v>
      </c>
      <c r="L294" s="2" t="s">
        <v>30</v>
      </c>
      <c r="M294" s="2" t="s">
        <v>116</v>
      </c>
      <c r="N294" s="2" t="s">
        <v>220</v>
      </c>
      <c r="O294" s="2" t="s">
        <v>189</v>
      </c>
      <c r="P294" s="2" t="s">
        <v>34</v>
      </c>
      <c r="Q294" s="2" t="s">
        <v>34</v>
      </c>
      <c r="R294" s="2" t="s">
        <v>35</v>
      </c>
      <c r="S294" s="2" t="s">
        <v>1643</v>
      </c>
      <c r="T294" s="2" t="s">
        <v>34</v>
      </c>
      <c r="U294" s="2" t="s">
        <v>34</v>
      </c>
      <c r="V294" s="2" t="s">
        <v>34</v>
      </c>
    </row>
    <row r="295" spans="1:22" x14ac:dyDescent="0.25">
      <c r="A295" s="2" t="s">
        <v>843</v>
      </c>
      <c r="B295" s="3" t="s">
        <v>789</v>
      </c>
      <c r="C295" s="2" t="s">
        <v>790</v>
      </c>
      <c r="D295" s="4" t="s">
        <v>1196</v>
      </c>
      <c r="E295" s="2" t="s">
        <v>853</v>
      </c>
      <c r="F295" s="2" t="s">
        <v>1644</v>
      </c>
      <c r="G295" s="2" t="s">
        <v>65</v>
      </c>
      <c r="H295" s="2" t="s">
        <v>45</v>
      </c>
      <c r="I295" s="2" t="s">
        <v>861</v>
      </c>
      <c r="J295" s="2" t="s">
        <v>1645</v>
      </c>
      <c r="K295" s="2" t="s">
        <v>29</v>
      </c>
      <c r="L295" s="2" t="s">
        <v>30</v>
      </c>
      <c r="M295" s="2" t="s">
        <v>116</v>
      </c>
      <c r="N295" s="2" t="s">
        <v>220</v>
      </c>
      <c r="O295" s="2" t="s">
        <v>189</v>
      </c>
      <c r="P295" s="2" t="s">
        <v>118</v>
      </c>
      <c r="Q295" s="2" t="s">
        <v>857</v>
      </c>
      <c r="R295" s="2" t="s">
        <v>35</v>
      </c>
      <c r="S295" s="2" t="s">
        <v>1646</v>
      </c>
      <c r="T295" s="2" t="s">
        <v>34</v>
      </c>
      <c r="U295" s="2" t="s">
        <v>34</v>
      </c>
      <c r="V295" s="2" t="s">
        <v>34</v>
      </c>
    </row>
    <row r="296" spans="1:22" x14ac:dyDescent="0.25">
      <c r="A296" s="2" t="s">
        <v>843</v>
      </c>
      <c r="B296" s="3" t="s">
        <v>789</v>
      </c>
      <c r="C296" s="2" t="s">
        <v>790</v>
      </c>
      <c r="D296" s="4" t="s">
        <v>1197</v>
      </c>
      <c r="E296" s="2" t="s">
        <v>865</v>
      </c>
      <c r="F296" s="2" t="s">
        <v>1647</v>
      </c>
      <c r="G296" s="2" t="s">
        <v>44</v>
      </c>
      <c r="H296" s="2" t="s">
        <v>45</v>
      </c>
      <c r="I296" s="2" t="s">
        <v>34</v>
      </c>
      <c r="J296" s="2" t="s">
        <v>1648</v>
      </c>
      <c r="K296" s="2" t="s">
        <v>29</v>
      </c>
      <c r="L296" s="2" t="s">
        <v>30</v>
      </c>
      <c r="M296" s="2" t="s">
        <v>31</v>
      </c>
      <c r="N296" s="2" t="s">
        <v>183</v>
      </c>
      <c r="O296" s="2" t="s">
        <v>249</v>
      </c>
      <c r="P296" s="2" t="s">
        <v>118</v>
      </c>
      <c r="Q296" s="2" t="s">
        <v>34</v>
      </c>
      <c r="R296" s="2" t="s">
        <v>35</v>
      </c>
      <c r="S296" s="2" t="s">
        <v>1649</v>
      </c>
      <c r="T296" s="2" t="s">
        <v>34</v>
      </c>
      <c r="U296" s="2" t="s">
        <v>34</v>
      </c>
      <c r="V296" s="2" t="s">
        <v>34</v>
      </c>
    </row>
    <row r="297" spans="1:22" x14ac:dyDescent="0.25">
      <c r="A297" s="2" t="s">
        <v>843</v>
      </c>
      <c r="B297" s="3" t="s">
        <v>789</v>
      </c>
      <c r="C297" s="2" t="s">
        <v>790</v>
      </c>
      <c r="D297" s="4" t="s">
        <v>120</v>
      </c>
      <c r="E297" s="2" t="s">
        <v>865</v>
      </c>
      <c r="F297" s="2" t="s">
        <v>1650</v>
      </c>
      <c r="G297" s="2" t="s">
        <v>54</v>
      </c>
      <c r="H297" s="2" t="s">
        <v>45</v>
      </c>
      <c r="I297" s="2" t="s">
        <v>34</v>
      </c>
      <c r="J297" s="2" t="s">
        <v>1651</v>
      </c>
      <c r="K297" s="2" t="s">
        <v>29</v>
      </c>
      <c r="L297" s="2" t="s">
        <v>30</v>
      </c>
      <c r="M297" s="2" t="s">
        <v>31</v>
      </c>
      <c r="N297" s="2" t="s">
        <v>183</v>
      </c>
      <c r="O297" s="2" t="s">
        <v>249</v>
      </c>
      <c r="P297" s="2" t="s">
        <v>118</v>
      </c>
      <c r="Q297" s="2" t="s">
        <v>34</v>
      </c>
      <c r="R297" s="2" t="s">
        <v>35</v>
      </c>
      <c r="S297" s="2" t="s">
        <v>1652</v>
      </c>
      <c r="T297" s="2" t="s">
        <v>34</v>
      </c>
      <c r="U297" s="2" t="s">
        <v>34</v>
      </c>
      <c r="V297" s="2" t="s">
        <v>34</v>
      </c>
    </row>
    <row r="298" spans="1:22" x14ac:dyDescent="0.25">
      <c r="A298" s="2" t="s">
        <v>843</v>
      </c>
      <c r="B298" s="3" t="s">
        <v>789</v>
      </c>
      <c r="C298" s="2" t="s">
        <v>790</v>
      </c>
      <c r="D298" s="4" t="s">
        <v>1204</v>
      </c>
      <c r="E298" s="2" t="s">
        <v>853</v>
      </c>
      <c r="F298" s="2" t="s">
        <v>1653</v>
      </c>
      <c r="G298" s="2" t="s">
        <v>384</v>
      </c>
      <c r="H298" s="2" t="s">
        <v>45</v>
      </c>
      <c r="I298" s="2" t="s">
        <v>861</v>
      </c>
      <c r="J298" s="2" t="s">
        <v>1654</v>
      </c>
      <c r="K298" s="2" t="s">
        <v>29</v>
      </c>
      <c r="L298" s="2" t="s">
        <v>30</v>
      </c>
      <c r="M298" s="2" t="s">
        <v>116</v>
      </c>
      <c r="N298" s="2" t="s">
        <v>220</v>
      </c>
      <c r="O298" s="2" t="s">
        <v>189</v>
      </c>
      <c r="P298" s="2" t="s">
        <v>118</v>
      </c>
      <c r="Q298" s="2" t="s">
        <v>857</v>
      </c>
      <c r="R298" s="2" t="s">
        <v>35</v>
      </c>
      <c r="S298" s="2" t="s">
        <v>1655</v>
      </c>
      <c r="T298" s="2" t="s">
        <v>34</v>
      </c>
      <c r="U298" s="2" t="s">
        <v>34</v>
      </c>
      <c r="V298" s="2" t="s">
        <v>34</v>
      </c>
    </row>
    <row r="299" spans="1:22" x14ac:dyDescent="0.25">
      <c r="A299" s="2" t="s">
        <v>843</v>
      </c>
      <c r="B299" s="3" t="s">
        <v>789</v>
      </c>
      <c r="C299" s="2" t="s">
        <v>790</v>
      </c>
      <c r="D299" s="4" t="s">
        <v>138</v>
      </c>
      <c r="E299" s="2" t="s">
        <v>853</v>
      </c>
      <c r="F299" s="2" t="s">
        <v>1656</v>
      </c>
      <c r="G299" s="2" t="s">
        <v>279</v>
      </c>
      <c r="H299" s="2" t="s">
        <v>45</v>
      </c>
      <c r="I299" s="2" t="s">
        <v>861</v>
      </c>
      <c r="J299" s="2" t="s">
        <v>1657</v>
      </c>
      <c r="K299" s="2" t="s">
        <v>29</v>
      </c>
      <c r="L299" s="2" t="s">
        <v>30</v>
      </c>
      <c r="M299" s="2" t="s">
        <v>116</v>
      </c>
      <c r="N299" s="2" t="s">
        <v>220</v>
      </c>
      <c r="O299" s="2" t="s">
        <v>189</v>
      </c>
      <c r="P299" s="2" t="s">
        <v>118</v>
      </c>
      <c r="Q299" s="2" t="s">
        <v>857</v>
      </c>
      <c r="R299" s="2" t="s">
        <v>35</v>
      </c>
      <c r="S299" s="2" t="s">
        <v>1658</v>
      </c>
      <c r="T299" s="2" t="s">
        <v>34</v>
      </c>
      <c r="U299" s="2" t="s">
        <v>34</v>
      </c>
      <c r="V299" s="2" t="s">
        <v>34</v>
      </c>
    </row>
    <row r="300" spans="1:22" x14ac:dyDescent="0.25">
      <c r="A300" s="2" t="s">
        <v>843</v>
      </c>
      <c r="B300" s="3" t="s">
        <v>789</v>
      </c>
      <c r="C300" s="2" t="s">
        <v>790</v>
      </c>
      <c r="D300" s="4" t="s">
        <v>1211</v>
      </c>
      <c r="E300" s="2" t="s">
        <v>1212</v>
      </c>
      <c r="F300" s="2" t="s">
        <v>1659</v>
      </c>
      <c r="G300" s="2" t="s">
        <v>540</v>
      </c>
      <c r="H300" s="2" t="s">
        <v>27</v>
      </c>
      <c r="I300" s="2" t="s">
        <v>34</v>
      </c>
      <c r="J300" s="2" t="s">
        <v>1660</v>
      </c>
      <c r="K300" s="2" t="s">
        <v>29</v>
      </c>
      <c r="L300" s="2" t="s">
        <v>30</v>
      </c>
      <c r="M300" s="2" t="s">
        <v>31</v>
      </c>
      <c r="N300" s="2" t="s">
        <v>49</v>
      </c>
      <c r="O300" s="2" t="s">
        <v>189</v>
      </c>
      <c r="P300" s="2" t="s">
        <v>34</v>
      </c>
      <c r="Q300" s="2" t="s">
        <v>34</v>
      </c>
      <c r="R300" s="2" t="s">
        <v>35</v>
      </c>
      <c r="S300" s="2" t="s">
        <v>1661</v>
      </c>
      <c r="T300" s="2" t="s">
        <v>34</v>
      </c>
      <c r="U300" s="2" t="s">
        <v>34</v>
      </c>
      <c r="V300" s="2" t="s">
        <v>34</v>
      </c>
    </row>
    <row r="301" spans="1:22" x14ac:dyDescent="0.25">
      <c r="A301" s="2" t="s">
        <v>843</v>
      </c>
      <c r="B301" s="3" t="s">
        <v>789</v>
      </c>
      <c r="C301" s="2" t="s">
        <v>790</v>
      </c>
      <c r="D301" s="4" t="s">
        <v>144</v>
      </c>
      <c r="E301" s="2" t="s">
        <v>1212</v>
      </c>
      <c r="F301" s="2" t="s">
        <v>1662</v>
      </c>
      <c r="G301" s="2" t="s">
        <v>407</v>
      </c>
      <c r="H301" s="2" t="s">
        <v>27</v>
      </c>
      <c r="I301" s="2" t="s">
        <v>34</v>
      </c>
      <c r="J301" s="2" t="s">
        <v>1663</v>
      </c>
      <c r="K301" s="2" t="s">
        <v>29</v>
      </c>
      <c r="L301" s="2" t="s">
        <v>30</v>
      </c>
      <c r="M301" s="2" t="s">
        <v>31</v>
      </c>
      <c r="N301" s="2" t="s">
        <v>49</v>
      </c>
      <c r="O301" s="2" t="s">
        <v>249</v>
      </c>
      <c r="P301" s="2" t="s">
        <v>34</v>
      </c>
      <c r="Q301" s="2" t="s">
        <v>34</v>
      </c>
      <c r="R301" s="2" t="s">
        <v>35</v>
      </c>
      <c r="S301" s="2" t="s">
        <v>1664</v>
      </c>
      <c r="T301" s="2" t="s">
        <v>34</v>
      </c>
      <c r="U301" s="2" t="s">
        <v>34</v>
      </c>
      <c r="V301" s="2" t="s">
        <v>34</v>
      </c>
    </row>
    <row r="302" spans="1:22" x14ac:dyDescent="0.25">
      <c r="A302" s="2" t="s">
        <v>843</v>
      </c>
      <c r="B302" s="3" t="s">
        <v>789</v>
      </c>
      <c r="C302" s="2" t="s">
        <v>790</v>
      </c>
      <c r="D302" s="4" t="s">
        <v>1219</v>
      </c>
      <c r="E302" s="2" t="s">
        <v>1212</v>
      </c>
      <c r="F302" s="2" t="s">
        <v>1665</v>
      </c>
      <c r="G302" s="2" t="s">
        <v>584</v>
      </c>
      <c r="H302" s="2" t="s">
        <v>27</v>
      </c>
      <c r="I302" s="2" t="s">
        <v>34</v>
      </c>
      <c r="J302" s="2" t="s">
        <v>1666</v>
      </c>
      <c r="K302" s="2" t="s">
        <v>29</v>
      </c>
      <c r="L302" s="2" t="s">
        <v>30</v>
      </c>
      <c r="M302" s="2" t="s">
        <v>31</v>
      </c>
      <c r="N302" s="2" t="s">
        <v>49</v>
      </c>
      <c r="O302" s="2" t="s">
        <v>249</v>
      </c>
      <c r="P302" s="2" t="s">
        <v>34</v>
      </c>
      <c r="Q302" s="2" t="s">
        <v>34</v>
      </c>
      <c r="R302" s="2" t="s">
        <v>35</v>
      </c>
      <c r="S302" s="2" t="s">
        <v>1667</v>
      </c>
      <c r="T302" s="2" t="s">
        <v>34</v>
      </c>
      <c r="U302" s="2" t="s">
        <v>34</v>
      </c>
      <c r="V302" s="2" t="s">
        <v>34</v>
      </c>
    </row>
    <row r="303" spans="1:22" x14ac:dyDescent="0.25">
      <c r="A303" s="2" t="s">
        <v>843</v>
      </c>
      <c r="B303" s="3" t="s">
        <v>789</v>
      </c>
      <c r="C303" s="2" t="s">
        <v>790</v>
      </c>
      <c r="D303" s="4" t="s">
        <v>918</v>
      </c>
      <c r="E303" s="2" t="s">
        <v>1223</v>
      </c>
      <c r="F303" s="2" t="s">
        <v>1668</v>
      </c>
      <c r="G303" s="2" t="s">
        <v>699</v>
      </c>
      <c r="H303" s="2" t="s">
        <v>27</v>
      </c>
      <c r="I303" s="2" t="s">
        <v>1225</v>
      </c>
      <c r="J303" s="2" t="s">
        <v>1669</v>
      </c>
      <c r="K303" s="2" t="s">
        <v>29</v>
      </c>
      <c r="L303" s="2" t="s">
        <v>30</v>
      </c>
      <c r="M303" s="2" t="s">
        <v>116</v>
      </c>
      <c r="N303" s="2" t="s">
        <v>183</v>
      </c>
      <c r="O303" s="2" t="s">
        <v>1227</v>
      </c>
      <c r="P303" s="2" t="s">
        <v>34</v>
      </c>
      <c r="Q303" s="2" t="s">
        <v>34</v>
      </c>
      <c r="R303" s="2" t="s">
        <v>35</v>
      </c>
      <c r="S303" s="2" t="s">
        <v>1670</v>
      </c>
      <c r="T303" s="2" t="s">
        <v>34</v>
      </c>
      <c r="U303" s="2" t="s">
        <v>34</v>
      </c>
      <c r="V303" s="2" t="s">
        <v>34</v>
      </c>
    </row>
    <row r="304" spans="1:22" x14ac:dyDescent="0.25">
      <c r="A304" s="2" t="s">
        <v>843</v>
      </c>
      <c r="B304" s="3" t="s">
        <v>789</v>
      </c>
      <c r="C304" s="2" t="s">
        <v>790</v>
      </c>
      <c r="D304" s="4" t="s">
        <v>1229</v>
      </c>
      <c r="E304" s="2" t="s">
        <v>1223</v>
      </c>
      <c r="F304" s="2" t="s">
        <v>1671</v>
      </c>
      <c r="G304" s="2" t="s">
        <v>620</v>
      </c>
      <c r="H304" s="2" t="s">
        <v>27</v>
      </c>
      <c r="I304" s="2" t="s">
        <v>1225</v>
      </c>
      <c r="J304" s="2" t="s">
        <v>1672</v>
      </c>
      <c r="K304" s="2" t="s">
        <v>29</v>
      </c>
      <c r="L304" s="2" t="s">
        <v>30</v>
      </c>
      <c r="M304" s="2" t="s">
        <v>116</v>
      </c>
      <c r="N304" s="2" t="s">
        <v>183</v>
      </c>
      <c r="O304" s="2" t="s">
        <v>1227</v>
      </c>
      <c r="P304" s="2" t="s">
        <v>34</v>
      </c>
      <c r="Q304" s="2" t="s">
        <v>34</v>
      </c>
      <c r="R304" s="2" t="s">
        <v>35</v>
      </c>
      <c r="S304" s="2" t="s">
        <v>1673</v>
      </c>
      <c r="T304" s="2" t="s">
        <v>34</v>
      </c>
      <c r="U304" s="2" t="s">
        <v>34</v>
      </c>
      <c r="V304" s="2" t="s">
        <v>34</v>
      </c>
    </row>
    <row r="305" spans="1:22" x14ac:dyDescent="0.25">
      <c r="A305" s="2" t="s">
        <v>843</v>
      </c>
      <c r="B305" s="3" t="s">
        <v>789</v>
      </c>
      <c r="C305" s="2" t="s">
        <v>790</v>
      </c>
      <c r="D305" s="4" t="s">
        <v>170</v>
      </c>
      <c r="E305" s="2" t="s">
        <v>1223</v>
      </c>
      <c r="F305" s="2" t="s">
        <v>1674</v>
      </c>
      <c r="G305" s="2" t="s">
        <v>498</v>
      </c>
      <c r="H305" s="2" t="s">
        <v>27</v>
      </c>
      <c r="I305" s="2" t="s">
        <v>1225</v>
      </c>
      <c r="J305" s="2" t="s">
        <v>1675</v>
      </c>
      <c r="K305" s="2" t="s">
        <v>29</v>
      </c>
      <c r="L305" s="2" t="s">
        <v>30</v>
      </c>
      <c r="M305" s="2" t="s">
        <v>116</v>
      </c>
      <c r="N305" s="2" t="s">
        <v>183</v>
      </c>
      <c r="O305" s="2" t="s">
        <v>1227</v>
      </c>
      <c r="P305" s="2" t="s">
        <v>34</v>
      </c>
      <c r="Q305" s="2" t="s">
        <v>34</v>
      </c>
      <c r="R305" s="2" t="s">
        <v>35</v>
      </c>
      <c r="S305" s="2" t="s">
        <v>1676</v>
      </c>
      <c r="T305" s="2" t="s">
        <v>34</v>
      </c>
      <c r="U305" s="2" t="s">
        <v>34</v>
      </c>
      <c r="V305" s="2" t="s">
        <v>34</v>
      </c>
    </row>
    <row r="306" spans="1:22" x14ac:dyDescent="0.25">
      <c r="A306" s="2" t="s">
        <v>843</v>
      </c>
      <c r="B306" s="3" t="s">
        <v>789</v>
      </c>
      <c r="C306" s="2" t="s">
        <v>790</v>
      </c>
      <c r="D306" s="4" t="s">
        <v>175</v>
      </c>
      <c r="E306" s="2" t="s">
        <v>1223</v>
      </c>
      <c r="F306" s="2" t="s">
        <v>1230</v>
      </c>
      <c r="G306" s="2" t="s">
        <v>337</v>
      </c>
      <c r="H306" s="2" t="s">
        <v>27</v>
      </c>
      <c r="I306" s="2" t="s">
        <v>1225</v>
      </c>
      <c r="J306" s="2" t="s">
        <v>1677</v>
      </c>
      <c r="K306" s="2" t="s">
        <v>29</v>
      </c>
      <c r="L306" s="2" t="s">
        <v>30</v>
      </c>
      <c r="M306" s="2" t="s">
        <v>116</v>
      </c>
      <c r="N306" s="2" t="s">
        <v>183</v>
      </c>
      <c r="O306" s="2" t="s">
        <v>1227</v>
      </c>
      <c r="P306" s="2" t="s">
        <v>34</v>
      </c>
      <c r="Q306" s="2" t="s">
        <v>34</v>
      </c>
      <c r="R306" s="2" t="s">
        <v>35</v>
      </c>
      <c r="S306" s="2" t="s">
        <v>1678</v>
      </c>
      <c r="T306" s="2" t="s">
        <v>34</v>
      </c>
      <c r="U306" s="2" t="s">
        <v>34</v>
      </c>
      <c r="V306" s="2" t="s">
        <v>34</v>
      </c>
    </row>
    <row r="307" spans="1:22" x14ac:dyDescent="0.25">
      <c r="A307" s="2" t="s">
        <v>843</v>
      </c>
      <c r="B307" s="3" t="s">
        <v>789</v>
      </c>
      <c r="C307" s="2" t="s">
        <v>790</v>
      </c>
      <c r="D307" s="4" t="s">
        <v>455</v>
      </c>
      <c r="E307" s="2" t="s">
        <v>1570</v>
      </c>
      <c r="F307" s="2" t="s">
        <v>1679</v>
      </c>
      <c r="G307" s="2" t="s">
        <v>162</v>
      </c>
      <c r="H307" s="2" t="s">
        <v>86</v>
      </c>
      <c r="I307" s="2" t="s">
        <v>1572</v>
      </c>
      <c r="J307" s="2" t="s">
        <v>1680</v>
      </c>
      <c r="K307" s="2" t="s">
        <v>29</v>
      </c>
      <c r="L307" s="2" t="s">
        <v>30</v>
      </c>
      <c r="M307" s="2" t="s">
        <v>31</v>
      </c>
      <c r="N307" s="2" t="s">
        <v>525</v>
      </c>
      <c r="O307" s="2" t="s">
        <v>905</v>
      </c>
      <c r="P307" s="2" t="s">
        <v>34</v>
      </c>
      <c r="Q307" s="2" t="s">
        <v>34</v>
      </c>
      <c r="R307" s="2" t="s">
        <v>35</v>
      </c>
      <c r="S307" s="2" t="s">
        <v>1681</v>
      </c>
      <c r="T307" s="2" t="s">
        <v>34</v>
      </c>
      <c r="U307" s="2" t="s">
        <v>34</v>
      </c>
      <c r="V307" s="2" t="s">
        <v>34</v>
      </c>
    </row>
    <row r="308" spans="1:22" x14ac:dyDescent="0.25">
      <c r="A308" s="2" t="s">
        <v>843</v>
      </c>
      <c r="B308" s="3" t="s">
        <v>789</v>
      </c>
      <c r="C308" s="2" t="s">
        <v>790</v>
      </c>
      <c r="D308" s="4" t="s">
        <v>456</v>
      </c>
      <c r="E308" s="2" t="s">
        <v>1570</v>
      </c>
      <c r="F308" s="2" t="s">
        <v>1682</v>
      </c>
      <c r="G308" s="2" t="s">
        <v>167</v>
      </c>
      <c r="H308" s="2" t="s">
        <v>86</v>
      </c>
      <c r="I308" s="2" t="s">
        <v>1572</v>
      </c>
      <c r="J308" s="2" t="s">
        <v>1683</v>
      </c>
      <c r="K308" s="2" t="s">
        <v>29</v>
      </c>
      <c r="L308" s="2" t="s">
        <v>30</v>
      </c>
      <c r="M308" s="2" t="s">
        <v>31</v>
      </c>
      <c r="N308" s="2" t="s">
        <v>525</v>
      </c>
      <c r="O308" s="2" t="s">
        <v>905</v>
      </c>
      <c r="P308" s="2" t="s">
        <v>34</v>
      </c>
      <c r="Q308" s="2" t="s">
        <v>34</v>
      </c>
      <c r="R308" s="2" t="s">
        <v>35</v>
      </c>
      <c r="S308" s="2" t="s">
        <v>1684</v>
      </c>
      <c r="T308" s="2" t="s">
        <v>34</v>
      </c>
      <c r="U308" s="2" t="s">
        <v>34</v>
      </c>
      <c r="V308" s="2" t="s">
        <v>34</v>
      </c>
    </row>
    <row r="309" spans="1:22" x14ac:dyDescent="0.25">
      <c r="A309" s="2" t="s">
        <v>843</v>
      </c>
      <c r="B309" s="3" t="s">
        <v>789</v>
      </c>
      <c r="C309" s="2" t="s">
        <v>790</v>
      </c>
      <c r="D309" s="4" t="s">
        <v>179</v>
      </c>
      <c r="E309" s="2" t="s">
        <v>1570</v>
      </c>
      <c r="F309" s="2" t="s">
        <v>1685</v>
      </c>
      <c r="G309" s="2" t="s">
        <v>172</v>
      </c>
      <c r="H309" s="2" t="s">
        <v>86</v>
      </c>
      <c r="I309" s="2" t="s">
        <v>1572</v>
      </c>
      <c r="J309" s="2" t="s">
        <v>1686</v>
      </c>
      <c r="K309" s="2" t="s">
        <v>29</v>
      </c>
      <c r="L309" s="2" t="s">
        <v>30</v>
      </c>
      <c r="M309" s="2" t="s">
        <v>31</v>
      </c>
      <c r="N309" s="2" t="s">
        <v>525</v>
      </c>
      <c r="O309" s="2" t="s">
        <v>905</v>
      </c>
      <c r="P309" s="2" t="s">
        <v>34</v>
      </c>
      <c r="Q309" s="2" t="s">
        <v>34</v>
      </c>
      <c r="R309" s="2" t="s">
        <v>35</v>
      </c>
      <c r="S309" s="2" t="s">
        <v>1687</v>
      </c>
      <c r="T309" s="2" t="s">
        <v>34</v>
      </c>
      <c r="U309" s="2" t="s">
        <v>34</v>
      </c>
      <c r="V309" s="2" t="s">
        <v>34</v>
      </c>
    </row>
    <row r="310" spans="1:22" x14ac:dyDescent="0.25">
      <c r="A310" s="2" t="s">
        <v>843</v>
      </c>
      <c r="B310" s="3" t="s">
        <v>789</v>
      </c>
      <c r="C310" s="2" t="s">
        <v>790</v>
      </c>
      <c r="D310" s="4" t="s">
        <v>463</v>
      </c>
      <c r="E310" s="2" t="s">
        <v>1570</v>
      </c>
      <c r="F310" s="2" t="s">
        <v>1688</v>
      </c>
      <c r="G310" s="2" t="s">
        <v>381</v>
      </c>
      <c r="H310" s="2" t="s">
        <v>86</v>
      </c>
      <c r="I310" s="2" t="s">
        <v>1572</v>
      </c>
      <c r="J310" s="2" t="s">
        <v>1689</v>
      </c>
      <c r="K310" s="2" t="s">
        <v>29</v>
      </c>
      <c r="L310" s="2" t="s">
        <v>30</v>
      </c>
      <c r="M310" s="2" t="s">
        <v>31</v>
      </c>
      <c r="N310" s="2" t="s">
        <v>525</v>
      </c>
      <c r="O310" s="2" t="s">
        <v>905</v>
      </c>
      <c r="P310" s="2" t="s">
        <v>34</v>
      </c>
      <c r="Q310" s="2" t="s">
        <v>34</v>
      </c>
      <c r="R310" s="2" t="s">
        <v>35</v>
      </c>
      <c r="S310" s="2" t="s">
        <v>1690</v>
      </c>
      <c r="T310" s="2" t="s">
        <v>34</v>
      </c>
      <c r="U310" s="2" t="s">
        <v>34</v>
      </c>
      <c r="V310" s="2" t="s">
        <v>34</v>
      </c>
    </row>
    <row r="311" spans="1:22" x14ac:dyDescent="0.25">
      <c r="A311" s="2" t="s">
        <v>843</v>
      </c>
      <c r="B311" s="3" t="s">
        <v>789</v>
      </c>
      <c r="C311" s="2" t="s">
        <v>790</v>
      </c>
      <c r="D311" s="4" t="s">
        <v>1250</v>
      </c>
      <c r="E311" s="2" t="s">
        <v>853</v>
      </c>
      <c r="F311" s="2" t="s">
        <v>885</v>
      </c>
      <c r="G311" s="2" t="s">
        <v>424</v>
      </c>
      <c r="H311" s="2" t="s">
        <v>27</v>
      </c>
      <c r="I311" s="2" t="s">
        <v>861</v>
      </c>
      <c r="J311" s="2" t="s">
        <v>886</v>
      </c>
      <c r="K311" s="2" t="s">
        <v>29</v>
      </c>
      <c r="L311" s="2" t="s">
        <v>30</v>
      </c>
      <c r="M311" s="2" t="s">
        <v>116</v>
      </c>
      <c r="N311" s="2" t="s">
        <v>525</v>
      </c>
      <c r="O311" s="2" t="s">
        <v>189</v>
      </c>
      <c r="P311" s="2" t="s">
        <v>118</v>
      </c>
      <c r="Q311" s="2" t="s">
        <v>34</v>
      </c>
      <c r="R311" s="2" t="s">
        <v>35</v>
      </c>
      <c r="S311" s="2" t="s">
        <v>887</v>
      </c>
      <c r="T311" s="2" t="s">
        <v>34</v>
      </c>
      <c r="U311" s="2" t="s">
        <v>34</v>
      </c>
      <c r="V311" s="2" t="s">
        <v>34</v>
      </c>
    </row>
    <row r="312" spans="1:22" x14ac:dyDescent="0.25">
      <c r="A312" s="2" t="s">
        <v>843</v>
      </c>
      <c r="B312" s="3" t="s">
        <v>789</v>
      </c>
      <c r="C312" s="2" t="s">
        <v>790</v>
      </c>
      <c r="D312" s="4" t="s">
        <v>478</v>
      </c>
      <c r="E312" s="2" t="s">
        <v>853</v>
      </c>
      <c r="F312" s="2" t="s">
        <v>888</v>
      </c>
      <c r="G312" s="2" t="s">
        <v>429</v>
      </c>
      <c r="H312" s="2" t="s">
        <v>27</v>
      </c>
      <c r="I312" s="2" t="s">
        <v>861</v>
      </c>
      <c r="J312" s="2" t="s">
        <v>889</v>
      </c>
      <c r="K312" s="2" t="s">
        <v>29</v>
      </c>
      <c r="L312" s="2" t="s">
        <v>30</v>
      </c>
      <c r="M312" s="2" t="s">
        <v>116</v>
      </c>
      <c r="N312" s="2" t="s">
        <v>525</v>
      </c>
      <c r="O312" s="2" t="s">
        <v>189</v>
      </c>
      <c r="P312" s="2" t="s">
        <v>118</v>
      </c>
      <c r="Q312" s="2" t="s">
        <v>34</v>
      </c>
      <c r="R312" s="2" t="s">
        <v>35</v>
      </c>
      <c r="S312" s="2" t="s">
        <v>890</v>
      </c>
      <c r="T312" s="2" t="s">
        <v>34</v>
      </c>
      <c r="U312" s="2" t="s">
        <v>34</v>
      </c>
      <c r="V312" s="2" t="s">
        <v>34</v>
      </c>
    </row>
    <row r="313" spans="1:22" x14ac:dyDescent="0.25">
      <c r="A313" s="2" t="s">
        <v>843</v>
      </c>
      <c r="B313" s="3" t="s">
        <v>789</v>
      </c>
      <c r="C313" s="2" t="s">
        <v>790</v>
      </c>
      <c r="D313" s="4" t="s">
        <v>943</v>
      </c>
      <c r="E313" s="2" t="s">
        <v>853</v>
      </c>
      <c r="F313" s="2" t="s">
        <v>964</v>
      </c>
      <c r="G313" s="2" t="s">
        <v>591</v>
      </c>
      <c r="H313" s="2" t="s">
        <v>27</v>
      </c>
      <c r="I313" s="2" t="s">
        <v>861</v>
      </c>
      <c r="J313" s="2" t="s">
        <v>965</v>
      </c>
      <c r="K313" s="2" t="s">
        <v>29</v>
      </c>
      <c r="L313" s="2" t="s">
        <v>30</v>
      </c>
      <c r="M313" s="2" t="s">
        <v>116</v>
      </c>
      <c r="N313" s="2" t="s">
        <v>525</v>
      </c>
      <c r="O313" s="2" t="s">
        <v>189</v>
      </c>
      <c r="P313" s="2" t="s">
        <v>34</v>
      </c>
      <c r="Q313" s="2" t="s">
        <v>34</v>
      </c>
      <c r="R313" s="2" t="s">
        <v>35</v>
      </c>
      <c r="S313" s="2" t="s">
        <v>966</v>
      </c>
      <c r="T313" s="2" t="s">
        <v>34</v>
      </c>
      <c r="U313" s="2" t="s">
        <v>34</v>
      </c>
      <c r="V313" s="2" t="s">
        <v>34</v>
      </c>
    </row>
    <row r="314" spans="1:22" x14ac:dyDescent="0.25">
      <c r="A314" s="2" t="s">
        <v>843</v>
      </c>
      <c r="B314" s="3" t="s">
        <v>789</v>
      </c>
      <c r="C314" s="2" t="s">
        <v>790</v>
      </c>
      <c r="D314" s="4" t="s">
        <v>1691</v>
      </c>
      <c r="E314" s="2" t="s">
        <v>853</v>
      </c>
      <c r="F314" s="2" t="s">
        <v>968</v>
      </c>
      <c r="G314" s="2" t="s">
        <v>595</v>
      </c>
      <c r="H314" s="2" t="s">
        <v>27</v>
      </c>
      <c r="I314" s="2" t="s">
        <v>861</v>
      </c>
      <c r="J314" s="2" t="s">
        <v>969</v>
      </c>
      <c r="K314" s="2" t="s">
        <v>29</v>
      </c>
      <c r="L314" s="2" t="s">
        <v>30</v>
      </c>
      <c r="M314" s="2" t="s">
        <v>116</v>
      </c>
      <c r="N314" s="2" t="s">
        <v>525</v>
      </c>
      <c r="O314" s="2" t="s">
        <v>189</v>
      </c>
      <c r="P314" s="2" t="s">
        <v>118</v>
      </c>
      <c r="Q314" s="2" t="s">
        <v>34</v>
      </c>
      <c r="R314" s="2" t="s">
        <v>35</v>
      </c>
      <c r="S314" s="2" t="s">
        <v>970</v>
      </c>
      <c r="T314" s="2" t="s">
        <v>34</v>
      </c>
      <c r="U314" s="2" t="s">
        <v>34</v>
      </c>
      <c r="V314" s="2" t="s">
        <v>34</v>
      </c>
    </row>
    <row r="315" spans="1:22" x14ac:dyDescent="0.25">
      <c r="A315" s="2" t="s">
        <v>843</v>
      </c>
      <c r="B315" s="3" t="s">
        <v>789</v>
      </c>
      <c r="C315" s="2" t="s">
        <v>790</v>
      </c>
      <c r="D315" s="4" t="s">
        <v>202</v>
      </c>
      <c r="E315" s="2" t="s">
        <v>1692</v>
      </c>
      <c r="F315" s="2" t="s">
        <v>34</v>
      </c>
      <c r="G315" s="2" t="s">
        <v>34</v>
      </c>
      <c r="H315" s="2" t="s">
        <v>34</v>
      </c>
      <c r="I315" s="2" t="s">
        <v>1693</v>
      </c>
      <c r="J315" s="2" t="s">
        <v>1694</v>
      </c>
      <c r="K315" s="2" t="s">
        <v>1695</v>
      </c>
      <c r="L315" s="2" t="s">
        <v>895</v>
      </c>
      <c r="M315" s="2" t="s">
        <v>116</v>
      </c>
      <c r="N315" s="2" t="s">
        <v>1696</v>
      </c>
      <c r="O315" s="2" t="s">
        <v>1429</v>
      </c>
      <c r="P315" s="2" t="s">
        <v>34</v>
      </c>
      <c r="Q315" s="2" t="s">
        <v>34</v>
      </c>
      <c r="R315" s="2" t="s">
        <v>35</v>
      </c>
      <c r="S315" s="2" t="s">
        <v>1697</v>
      </c>
      <c r="T315" s="2" t="s">
        <v>34</v>
      </c>
      <c r="U315" s="2" t="s">
        <v>34</v>
      </c>
      <c r="V315" s="2" t="s">
        <v>34</v>
      </c>
    </row>
    <row r="316" spans="1:22" x14ac:dyDescent="0.25">
      <c r="A316" s="2" t="s">
        <v>843</v>
      </c>
      <c r="B316" s="3" t="s">
        <v>789</v>
      </c>
      <c r="C316" s="2" t="s">
        <v>790</v>
      </c>
      <c r="D316" s="4" t="s">
        <v>208</v>
      </c>
      <c r="E316" s="2" t="s">
        <v>1698</v>
      </c>
      <c r="F316" s="2" t="s">
        <v>1699</v>
      </c>
      <c r="G316" s="2" t="s">
        <v>324</v>
      </c>
      <c r="H316" s="2" t="s">
        <v>45</v>
      </c>
      <c r="I316" s="2" t="s">
        <v>861</v>
      </c>
      <c r="J316" s="2" t="s">
        <v>34</v>
      </c>
      <c r="K316" s="2" t="s">
        <v>29</v>
      </c>
      <c r="L316" s="2" t="s">
        <v>30</v>
      </c>
      <c r="M316" s="2" t="s">
        <v>116</v>
      </c>
      <c r="N316" s="2" t="s">
        <v>49</v>
      </c>
      <c r="O316" s="2" t="s">
        <v>1700</v>
      </c>
      <c r="P316" s="2" t="s">
        <v>34</v>
      </c>
      <c r="Q316" s="2" t="s">
        <v>34</v>
      </c>
      <c r="R316" s="2" t="s">
        <v>35</v>
      </c>
      <c r="S316" s="2" t="s">
        <v>1701</v>
      </c>
      <c r="T316" s="2" t="s">
        <v>1263</v>
      </c>
      <c r="U316" s="2" t="s">
        <v>34</v>
      </c>
      <c r="V316" s="2" t="s">
        <v>34</v>
      </c>
    </row>
    <row r="317" spans="1:22" x14ac:dyDescent="0.25">
      <c r="A317" s="2" t="s">
        <v>843</v>
      </c>
      <c r="B317" s="3" t="s">
        <v>789</v>
      </c>
      <c r="C317" s="2" t="s">
        <v>790</v>
      </c>
      <c r="D317" s="4" t="s">
        <v>960</v>
      </c>
      <c r="E317" s="2" t="s">
        <v>1698</v>
      </c>
      <c r="F317" s="2" t="s">
        <v>1699</v>
      </c>
      <c r="G317" s="2" t="s">
        <v>424</v>
      </c>
      <c r="H317" s="2" t="s">
        <v>45</v>
      </c>
      <c r="I317" s="2" t="s">
        <v>861</v>
      </c>
      <c r="J317" s="2" t="s">
        <v>34</v>
      </c>
      <c r="K317" s="2" t="s">
        <v>29</v>
      </c>
      <c r="L317" s="2" t="s">
        <v>30</v>
      </c>
      <c r="M317" s="2" t="s">
        <v>116</v>
      </c>
      <c r="N317" s="2" t="s">
        <v>49</v>
      </c>
      <c r="O317" s="2" t="s">
        <v>1702</v>
      </c>
      <c r="P317" s="2" t="s">
        <v>34</v>
      </c>
      <c r="Q317" s="2" t="s">
        <v>34</v>
      </c>
      <c r="R317" s="2" t="s">
        <v>35</v>
      </c>
      <c r="S317" s="2" t="s">
        <v>1703</v>
      </c>
      <c r="T317" s="2" t="s">
        <v>1263</v>
      </c>
      <c r="U317" s="2" t="s">
        <v>34</v>
      </c>
      <c r="V317" s="2" t="s">
        <v>34</v>
      </c>
    </row>
    <row r="318" spans="1:22" x14ac:dyDescent="0.25">
      <c r="A318" s="2" t="s">
        <v>843</v>
      </c>
      <c r="B318" s="3" t="s">
        <v>789</v>
      </c>
      <c r="C318" s="2" t="s">
        <v>790</v>
      </c>
      <c r="D318" s="4" t="s">
        <v>1268</v>
      </c>
      <c r="E318" s="2" t="s">
        <v>853</v>
      </c>
      <c r="F318" s="2" t="s">
        <v>1260</v>
      </c>
      <c r="G318" s="2" t="s">
        <v>235</v>
      </c>
      <c r="H318" s="2" t="s">
        <v>86</v>
      </c>
      <c r="I318" s="2" t="s">
        <v>861</v>
      </c>
      <c r="J318" s="2" t="s">
        <v>1261</v>
      </c>
      <c r="K318" s="2" t="s">
        <v>29</v>
      </c>
      <c r="L318" s="2" t="s">
        <v>30</v>
      </c>
      <c r="M318" s="2" t="s">
        <v>116</v>
      </c>
      <c r="N318" s="2" t="s">
        <v>183</v>
      </c>
      <c r="O318" s="2" t="s">
        <v>189</v>
      </c>
      <c r="P318" s="2" t="s">
        <v>118</v>
      </c>
      <c r="Q318" s="2" t="s">
        <v>34</v>
      </c>
      <c r="R318" s="2" t="s">
        <v>35</v>
      </c>
      <c r="S318" s="2" t="s">
        <v>1262</v>
      </c>
      <c r="T318" s="2" t="s">
        <v>34</v>
      </c>
      <c r="U318" s="2" t="s">
        <v>34</v>
      </c>
      <c r="V318" s="2" t="s">
        <v>34</v>
      </c>
    </row>
    <row r="319" spans="1:22" x14ac:dyDescent="0.25">
      <c r="A319" s="2" t="s">
        <v>843</v>
      </c>
      <c r="B319" s="3" t="s">
        <v>789</v>
      </c>
      <c r="C319" s="2" t="s">
        <v>790</v>
      </c>
      <c r="D319" s="4" t="s">
        <v>1272</v>
      </c>
      <c r="E319" s="2" t="s">
        <v>853</v>
      </c>
      <c r="F319" s="2" t="s">
        <v>1388</v>
      </c>
      <c r="G319" s="2" t="s">
        <v>38</v>
      </c>
      <c r="H319" s="2" t="s">
        <v>86</v>
      </c>
      <c r="I319" s="2" t="s">
        <v>861</v>
      </c>
      <c r="J319" s="2" t="s">
        <v>1389</v>
      </c>
      <c r="K319" s="2" t="s">
        <v>29</v>
      </c>
      <c r="L319" s="2" t="s">
        <v>30</v>
      </c>
      <c r="M319" s="2" t="s">
        <v>116</v>
      </c>
      <c r="N319" s="2" t="s">
        <v>183</v>
      </c>
      <c r="O319" s="2" t="s">
        <v>189</v>
      </c>
      <c r="P319" s="2" t="s">
        <v>118</v>
      </c>
      <c r="Q319" s="2" t="s">
        <v>34</v>
      </c>
      <c r="R319" s="2" t="s">
        <v>35</v>
      </c>
      <c r="S319" s="2" t="s">
        <v>1390</v>
      </c>
      <c r="T319" s="2" t="s">
        <v>34</v>
      </c>
      <c r="U319" s="2" t="s">
        <v>34</v>
      </c>
      <c r="V319" s="2" t="s">
        <v>34</v>
      </c>
    </row>
    <row r="320" spans="1:22" x14ac:dyDescent="0.25">
      <c r="A320" s="2" t="s">
        <v>843</v>
      </c>
      <c r="B320" s="3" t="s">
        <v>789</v>
      </c>
      <c r="C320" s="2" t="s">
        <v>790</v>
      </c>
      <c r="D320" s="4" t="s">
        <v>1276</v>
      </c>
      <c r="E320" s="2" t="s">
        <v>853</v>
      </c>
      <c r="F320" s="2" t="s">
        <v>1459</v>
      </c>
      <c r="G320" s="2" t="s">
        <v>26</v>
      </c>
      <c r="H320" s="2" t="s">
        <v>86</v>
      </c>
      <c r="I320" s="2" t="s">
        <v>861</v>
      </c>
      <c r="J320" s="2" t="s">
        <v>1460</v>
      </c>
      <c r="K320" s="2" t="s">
        <v>29</v>
      </c>
      <c r="L320" s="2" t="s">
        <v>30</v>
      </c>
      <c r="M320" s="2" t="s">
        <v>116</v>
      </c>
      <c r="N320" s="2" t="s">
        <v>183</v>
      </c>
      <c r="O320" s="2" t="s">
        <v>189</v>
      </c>
      <c r="P320" s="2" t="s">
        <v>118</v>
      </c>
      <c r="Q320" s="2" t="s">
        <v>34</v>
      </c>
      <c r="R320" s="2" t="s">
        <v>35</v>
      </c>
      <c r="S320" s="2" t="s">
        <v>1461</v>
      </c>
      <c r="T320" s="2" t="s">
        <v>34</v>
      </c>
      <c r="U320" s="2" t="s">
        <v>34</v>
      </c>
      <c r="V320" s="2" t="s">
        <v>34</v>
      </c>
    </row>
    <row r="321" spans="1:22" x14ac:dyDescent="0.25">
      <c r="A321" s="2" t="s">
        <v>843</v>
      </c>
      <c r="B321" s="3" t="s">
        <v>789</v>
      </c>
      <c r="C321" s="2" t="s">
        <v>790</v>
      </c>
      <c r="D321" s="4" t="s">
        <v>227</v>
      </c>
      <c r="E321" s="2" t="s">
        <v>853</v>
      </c>
      <c r="F321" s="2" t="s">
        <v>1508</v>
      </c>
      <c r="G321" s="2" t="s">
        <v>404</v>
      </c>
      <c r="H321" s="2" t="s">
        <v>86</v>
      </c>
      <c r="I321" s="2" t="s">
        <v>861</v>
      </c>
      <c r="J321" s="2" t="s">
        <v>1509</v>
      </c>
      <c r="K321" s="2" t="s">
        <v>29</v>
      </c>
      <c r="L321" s="2" t="s">
        <v>30</v>
      </c>
      <c r="M321" s="2" t="s">
        <v>116</v>
      </c>
      <c r="N321" s="2" t="s">
        <v>183</v>
      </c>
      <c r="O321" s="2" t="s">
        <v>189</v>
      </c>
      <c r="P321" s="2" t="s">
        <v>118</v>
      </c>
      <c r="Q321" s="2" t="s">
        <v>34</v>
      </c>
      <c r="R321" s="2" t="s">
        <v>35</v>
      </c>
      <c r="S321" s="2" t="s">
        <v>1510</v>
      </c>
      <c r="T321" s="2" t="s">
        <v>34</v>
      </c>
      <c r="U321" s="2" t="s">
        <v>34</v>
      </c>
      <c r="V321" s="2" t="s">
        <v>34</v>
      </c>
    </row>
    <row r="322" spans="1:22" x14ac:dyDescent="0.25">
      <c r="A322" s="2" t="s">
        <v>843</v>
      </c>
      <c r="B322" s="3" t="s">
        <v>789</v>
      </c>
      <c r="C322" s="2" t="s">
        <v>790</v>
      </c>
      <c r="D322" s="4" t="s">
        <v>1704</v>
      </c>
      <c r="E322" s="2" t="s">
        <v>853</v>
      </c>
      <c r="F322" s="2" t="s">
        <v>1153</v>
      </c>
      <c r="G322" s="2" t="s">
        <v>193</v>
      </c>
      <c r="H322" s="2" t="s">
        <v>86</v>
      </c>
      <c r="I322" s="2" t="s">
        <v>861</v>
      </c>
      <c r="J322" s="2" t="s">
        <v>1154</v>
      </c>
      <c r="K322" s="2" t="s">
        <v>29</v>
      </c>
      <c r="L322" s="2" t="s">
        <v>30</v>
      </c>
      <c r="M322" s="2" t="s">
        <v>116</v>
      </c>
      <c r="N322" s="2" t="s">
        <v>183</v>
      </c>
      <c r="O322" s="2" t="s">
        <v>189</v>
      </c>
      <c r="P322" s="2" t="s">
        <v>118</v>
      </c>
      <c r="Q322" s="2" t="s">
        <v>34</v>
      </c>
      <c r="R322" s="2" t="s">
        <v>35</v>
      </c>
      <c r="S322" s="2" t="s">
        <v>1155</v>
      </c>
      <c r="T322" s="2" t="s">
        <v>34</v>
      </c>
      <c r="U322" s="2" t="s">
        <v>34</v>
      </c>
      <c r="V322" s="2" t="s">
        <v>34</v>
      </c>
    </row>
    <row r="323" spans="1:22" x14ac:dyDescent="0.25">
      <c r="A323" s="2" t="s">
        <v>843</v>
      </c>
      <c r="B323" s="3" t="s">
        <v>789</v>
      </c>
      <c r="C323" s="2" t="s">
        <v>790</v>
      </c>
      <c r="D323" s="4" t="s">
        <v>1287</v>
      </c>
      <c r="E323" s="2" t="s">
        <v>892</v>
      </c>
      <c r="F323" s="2" t="s">
        <v>1705</v>
      </c>
      <c r="G323" s="2" t="s">
        <v>45</v>
      </c>
      <c r="H323" s="2" t="s">
        <v>45</v>
      </c>
      <c r="I323" s="2" t="s">
        <v>34</v>
      </c>
      <c r="J323" s="2" t="s">
        <v>1706</v>
      </c>
      <c r="K323" s="2" t="s">
        <v>29</v>
      </c>
      <c r="L323" s="2" t="s">
        <v>895</v>
      </c>
      <c r="M323" s="2" t="s">
        <v>31</v>
      </c>
      <c r="N323" s="2" t="s">
        <v>183</v>
      </c>
      <c r="O323" s="2" t="s">
        <v>33</v>
      </c>
      <c r="P323" s="2" t="s">
        <v>118</v>
      </c>
      <c r="Q323" s="2" t="s">
        <v>34</v>
      </c>
      <c r="R323" s="2" t="s">
        <v>35</v>
      </c>
      <c r="S323" s="2" t="s">
        <v>1707</v>
      </c>
      <c r="T323" s="2" t="s">
        <v>34</v>
      </c>
      <c r="U323" s="2" t="s">
        <v>34</v>
      </c>
      <c r="V323" s="2" t="s">
        <v>34</v>
      </c>
    </row>
    <row r="324" spans="1:22" x14ac:dyDescent="0.25">
      <c r="A324" s="2" t="s">
        <v>843</v>
      </c>
      <c r="B324" s="3" t="s">
        <v>789</v>
      </c>
      <c r="C324" s="2" t="s">
        <v>790</v>
      </c>
      <c r="D324" s="4" t="s">
        <v>1120</v>
      </c>
      <c r="E324" s="2" t="s">
        <v>892</v>
      </c>
      <c r="F324" s="2" t="s">
        <v>1708</v>
      </c>
      <c r="G324" s="2" t="s">
        <v>27</v>
      </c>
      <c r="H324" s="2" t="s">
        <v>45</v>
      </c>
      <c r="I324" s="2" t="s">
        <v>34</v>
      </c>
      <c r="J324" s="2" t="s">
        <v>1709</v>
      </c>
      <c r="K324" s="2" t="s">
        <v>29</v>
      </c>
      <c r="L324" s="2" t="s">
        <v>895</v>
      </c>
      <c r="M324" s="2" t="s">
        <v>31</v>
      </c>
      <c r="N324" s="2" t="s">
        <v>183</v>
      </c>
      <c r="O324" s="2" t="s">
        <v>189</v>
      </c>
      <c r="P324" s="2" t="s">
        <v>118</v>
      </c>
      <c r="Q324" s="2" t="s">
        <v>34</v>
      </c>
      <c r="R324" s="2" t="s">
        <v>35</v>
      </c>
      <c r="S324" s="2" t="s">
        <v>1710</v>
      </c>
      <c r="T324" s="2" t="s">
        <v>34</v>
      </c>
      <c r="U324" s="2" t="s">
        <v>34</v>
      </c>
      <c r="V324" s="2" t="s">
        <v>34</v>
      </c>
    </row>
    <row r="325" spans="1:22" x14ac:dyDescent="0.25">
      <c r="A325" s="2" t="s">
        <v>843</v>
      </c>
      <c r="B325" s="3" t="s">
        <v>789</v>
      </c>
      <c r="C325" s="2" t="s">
        <v>790</v>
      </c>
      <c r="D325" s="4" t="s">
        <v>244</v>
      </c>
      <c r="E325" s="2" t="s">
        <v>853</v>
      </c>
      <c r="F325" s="2" t="s">
        <v>1193</v>
      </c>
      <c r="G325" s="2" t="s">
        <v>45</v>
      </c>
      <c r="H325" s="2" t="s">
        <v>45</v>
      </c>
      <c r="I325" s="2" t="s">
        <v>861</v>
      </c>
      <c r="J325" s="2" t="s">
        <v>1194</v>
      </c>
      <c r="K325" s="2" t="s">
        <v>29</v>
      </c>
      <c r="L325" s="2" t="s">
        <v>30</v>
      </c>
      <c r="M325" s="2" t="s">
        <v>116</v>
      </c>
      <c r="N325" s="2" t="s">
        <v>220</v>
      </c>
      <c r="O325" s="2" t="s">
        <v>189</v>
      </c>
      <c r="P325" s="2" t="s">
        <v>118</v>
      </c>
      <c r="Q325" s="2" t="s">
        <v>857</v>
      </c>
      <c r="R325" s="2" t="s">
        <v>35</v>
      </c>
      <c r="S325" s="2" t="s">
        <v>1195</v>
      </c>
      <c r="T325" s="2" t="s">
        <v>34</v>
      </c>
      <c r="U325" s="2" t="s">
        <v>34</v>
      </c>
      <c r="V325" s="2" t="s">
        <v>34</v>
      </c>
    </row>
    <row r="326" spans="1:22" x14ac:dyDescent="0.25">
      <c r="A326" s="2" t="s">
        <v>843</v>
      </c>
      <c r="B326" s="3" t="s">
        <v>789</v>
      </c>
      <c r="C326" s="2" t="s">
        <v>790</v>
      </c>
      <c r="D326" s="4" t="s">
        <v>1291</v>
      </c>
      <c r="E326" s="2" t="s">
        <v>853</v>
      </c>
      <c r="F326" s="2" t="s">
        <v>854</v>
      </c>
      <c r="G326" s="2" t="s">
        <v>27</v>
      </c>
      <c r="H326" s="2" t="s">
        <v>45</v>
      </c>
      <c r="I326" s="2" t="s">
        <v>855</v>
      </c>
      <c r="J326" s="2" t="s">
        <v>856</v>
      </c>
      <c r="K326" s="2" t="s">
        <v>29</v>
      </c>
      <c r="L326" s="2" t="s">
        <v>30</v>
      </c>
      <c r="M326" s="2" t="s">
        <v>116</v>
      </c>
      <c r="N326" s="2" t="s">
        <v>220</v>
      </c>
      <c r="O326" s="2" t="s">
        <v>189</v>
      </c>
      <c r="P326" s="2" t="s">
        <v>118</v>
      </c>
      <c r="Q326" s="2" t="s">
        <v>857</v>
      </c>
      <c r="R326" s="2" t="s">
        <v>35</v>
      </c>
      <c r="S326" s="2" t="s">
        <v>858</v>
      </c>
      <c r="T326" s="2" t="s">
        <v>34</v>
      </c>
      <c r="U326" s="2" t="s">
        <v>34</v>
      </c>
      <c r="V326" s="2" t="s">
        <v>34</v>
      </c>
    </row>
    <row r="327" spans="1:22" x14ac:dyDescent="0.25">
      <c r="A327" s="2" t="s">
        <v>843</v>
      </c>
      <c r="B327" s="3" t="s">
        <v>789</v>
      </c>
      <c r="C327" s="2" t="s">
        <v>790</v>
      </c>
      <c r="D327" s="4" t="s">
        <v>1295</v>
      </c>
      <c r="E327" s="2" t="s">
        <v>1711</v>
      </c>
      <c r="F327" s="2" t="s">
        <v>1712</v>
      </c>
      <c r="G327" s="2" t="s">
        <v>373</v>
      </c>
      <c r="H327" s="2" t="s">
        <v>133</v>
      </c>
      <c r="I327" s="2" t="s">
        <v>34</v>
      </c>
      <c r="J327" s="2" t="s">
        <v>1713</v>
      </c>
      <c r="K327" s="2" t="s">
        <v>29</v>
      </c>
      <c r="L327" s="2" t="s">
        <v>895</v>
      </c>
      <c r="M327" s="2" t="s">
        <v>31</v>
      </c>
      <c r="N327" s="2" t="s">
        <v>183</v>
      </c>
      <c r="O327" s="2" t="s">
        <v>33</v>
      </c>
      <c r="P327" s="2" t="s">
        <v>118</v>
      </c>
      <c r="Q327" s="2" t="s">
        <v>34</v>
      </c>
      <c r="R327" s="2" t="s">
        <v>35</v>
      </c>
      <c r="S327" s="2" t="s">
        <v>1714</v>
      </c>
      <c r="T327" s="2" t="s">
        <v>34</v>
      </c>
      <c r="U327" s="2" t="s">
        <v>34</v>
      </c>
      <c r="V327" s="2" t="s">
        <v>34</v>
      </c>
    </row>
    <row r="328" spans="1:22" x14ac:dyDescent="0.25">
      <c r="A328" s="2" t="s">
        <v>843</v>
      </c>
      <c r="B328" s="3" t="s">
        <v>789</v>
      </c>
      <c r="C328" s="2" t="s">
        <v>790</v>
      </c>
      <c r="D328" s="4" t="s">
        <v>1299</v>
      </c>
      <c r="E328" s="2" t="s">
        <v>1711</v>
      </c>
      <c r="F328" s="2" t="s">
        <v>1715</v>
      </c>
      <c r="G328" s="2" t="s">
        <v>274</v>
      </c>
      <c r="H328" s="2" t="s">
        <v>133</v>
      </c>
      <c r="I328" s="2" t="s">
        <v>34</v>
      </c>
      <c r="J328" s="2" t="s">
        <v>1716</v>
      </c>
      <c r="K328" s="2" t="s">
        <v>29</v>
      </c>
      <c r="L328" s="2" t="s">
        <v>895</v>
      </c>
      <c r="M328" s="2" t="s">
        <v>31</v>
      </c>
      <c r="N328" s="2" t="s">
        <v>183</v>
      </c>
      <c r="O328" s="2" t="s">
        <v>33</v>
      </c>
      <c r="P328" s="2" t="s">
        <v>118</v>
      </c>
      <c r="Q328" s="2" t="s">
        <v>34</v>
      </c>
      <c r="R328" s="2" t="s">
        <v>35</v>
      </c>
      <c r="S328" s="2" t="s">
        <v>1717</v>
      </c>
      <c r="T328" s="2" t="s">
        <v>34</v>
      </c>
      <c r="U328" s="2" t="s">
        <v>34</v>
      </c>
      <c r="V328" s="2" t="s">
        <v>34</v>
      </c>
    </row>
    <row r="329" spans="1:22" x14ac:dyDescent="0.25">
      <c r="A329" s="2" t="s">
        <v>843</v>
      </c>
      <c r="B329" s="3" t="s">
        <v>789</v>
      </c>
      <c r="C329" s="2" t="s">
        <v>790</v>
      </c>
      <c r="D329" s="4" t="s">
        <v>259</v>
      </c>
      <c r="E329" s="2" t="s">
        <v>1303</v>
      </c>
      <c r="F329" s="2" t="s">
        <v>1718</v>
      </c>
      <c r="G329" s="2" t="s">
        <v>1719</v>
      </c>
      <c r="H329" s="2" t="s">
        <v>27</v>
      </c>
      <c r="I329" s="2" t="s">
        <v>1720</v>
      </c>
      <c r="J329" s="2" t="s">
        <v>1721</v>
      </c>
      <c r="K329" s="2" t="s">
        <v>29</v>
      </c>
      <c r="L329" s="2" t="s">
        <v>895</v>
      </c>
      <c r="M329" s="2" t="s">
        <v>1308</v>
      </c>
      <c r="N329" s="2" t="s">
        <v>1309</v>
      </c>
      <c r="O329" s="2" t="s">
        <v>1310</v>
      </c>
      <c r="P329" s="2" t="s">
        <v>118</v>
      </c>
      <c r="Q329" s="2" t="s">
        <v>857</v>
      </c>
      <c r="R329" s="2" t="s">
        <v>35</v>
      </c>
      <c r="S329" s="2" t="s">
        <v>1722</v>
      </c>
      <c r="T329" s="2" t="s">
        <v>34</v>
      </c>
      <c r="U329" s="2" t="s">
        <v>34</v>
      </c>
      <c r="V329" s="2" t="s">
        <v>34</v>
      </c>
    </row>
    <row r="330" spans="1:22" x14ac:dyDescent="0.25">
      <c r="A330" s="2"/>
      <c r="B330" s="3"/>
      <c r="C330" s="2"/>
      <c r="D330" s="4"/>
      <c r="E330" s="5" t="s">
        <v>1000</v>
      </c>
      <c r="F330" s="2"/>
      <c r="G330" s="2"/>
      <c r="H330" s="2"/>
      <c r="I330" s="2"/>
      <c r="J330" s="2"/>
      <c r="K330" s="2"/>
      <c r="L330" s="2"/>
      <c r="M330" s="2"/>
      <c r="N330" s="2"/>
      <c r="O330" s="2"/>
      <c r="P330" s="2"/>
      <c r="Q330" s="2"/>
      <c r="R330" s="2"/>
      <c r="S330" s="2"/>
      <c r="T330" s="2"/>
      <c r="U330" s="2"/>
      <c r="V330" s="2"/>
    </row>
    <row r="331" spans="1:22" x14ac:dyDescent="0.25">
      <c r="A331" s="2"/>
      <c r="B331" s="3"/>
      <c r="C331" s="2"/>
      <c r="D331" s="4"/>
      <c r="E331" s="2"/>
      <c r="F331" s="2"/>
      <c r="G331" s="2"/>
      <c r="H331" s="2"/>
      <c r="I331" s="2"/>
      <c r="J331" s="2"/>
      <c r="K331" s="2"/>
      <c r="L331" s="2"/>
      <c r="M331" s="2"/>
      <c r="N331" s="2"/>
      <c r="O331" s="2"/>
      <c r="P331" s="2"/>
      <c r="Q331" s="2"/>
      <c r="R331" s="2"/>
      <c r="S331" s="2"/>
      <c r="T331" s="2"/>
      <c r="U331" s="2"/>
      <c r="V331" s="2"/>
    </row>
  </sheetData>
  <pageMargins left="0.7" right="0.7" top="0.75" bottom="0.75" header="0.3" footer="0.3"/>
  <pageSetup paperSize="9" orientation="portrait" r:id="rId1"/>
  <tableParts count="1">
    <tablePart r:id="rId2"/>
  </tablePart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367"/>
  <sheetViews>
    <sheetView tabSelected="1" topLeftCell="A233" workbookViewId="0">
      <selection activeCell="F270" sqref="F270"/>
    </sheetView>
  </sheetViews>
  <sheetFormatPr defaultRowHeight="15" x14ac:dyDescent="0.25"/>
  <cols>
    <col min="1" max="1" width="8.85546875" style="9" bestFit="1" customWidth="1"/>
    <col min="2" max="2" width="10.140625" style="9" bestFit="1" customWidth="1"/>
    <col min="3" max="4" width="9" style="9" bestFit="1" customWidth="1"/>
    <col min="5" max="5" width="60.85546875" style="9" bestFit="1" customWidth="1"/>
    <col min="6" max="6" width="74" style="9" bestFit="1" customWidth="1"/>
    <col min="7" max="7" width="11.7109375" style="8" bestFit="1" customWidth="1"/>
    <col min="8" max="8" width="8" style="8" bestFit="1" customWidth="1"/>
    <col min="9" max="9" width="238.28515625" style="9" bestFit="1" customWidth="1"/>
    <col min="10" max="10" width="255.7109375" style="9" bestFit="1" customWidth="1"/>
    <col min="11" max="11" width="16.85546875" style="9" bestFit="1" customWidth="1"/>
    <col min="12" max="12" width="18.140625" style="9" bestFit="1" customWidth="1"/>
    <col min="13" max="13" width="19.140625" style="9" bestFit="1" customWidth="1"/>
    <col min="14" max="14" width="16" style="9" bestFit="1" customWidth="1"/>
    <col min="15" max="15" width="9.140625" style="9" bestFit="1" customWidth="1"/>
    <col min="16" max="16" width="38.5703125" style="9" bestFit="1" customWidth="1"/>
    <col min="17" max="17" width="7.42578125" style="9" bestFit="1" customWidth="1"/>
    <col min="18" max="18" width="19" style="9" bestFit="1" customWidth="1"/>
    <col min="19" max="19" width="14.7109375" style="9" bestFit="1" customWidth="1"/>
    <col min="20" max="20" width="6.42578125" style="9" bestFit="1" customWidth="1"/>
    <col min="21" max="21" width="5.140625" style="9" bestFit="1" customWidth="1"/>
  </cols>
  <sheetData>
    <row r="1" spans="1:22" x14ac:dyDescent="0.25">
      <c r="A1" s="1" t="s">
        <v>842</v>
      </c>
      <c r="B1" s="1" t="s">
        <v>0</v>
      </c>
      <c r="C1" s="1" t="s">
        <v>1</v>
      </c>
      <c r="D1" s="1" t="s">
        <v>2</v>
      </c>
      <c r="E1" s="1" t="s">
        <v>3</v>
      </c>
      <c r="F1" s="1" t="s">
        <v>4</v>
      </c>
      <c r="G1" s="7" t="s">
        <v>5</v>
      </c>
      <c r="H1" s="7" t="s">
        <v>6</v>
      </c>
      <c r="I1" s="1" t="s">
        <v>7</v>
      </c>
      <c r="J1" s="1" t="s">
        <v>8</v>
      </c>
      <c r="K1" s="1" t="s">
        <v>9</v>
      </c>
      <c r="L1" s="1" t="s">
        <v>10</v>
      </c>
      <c r="M1" s="1" t="s">
        <v>11</v>
      </c>
      <c r="N1" s="1" t="s">
        <v>12</v>
      </c>
      <c r="O1" s="1" t="s">
        <v>13</v>
      </c>
      <c r="P1" s="1" t="s">
        <v>14</v>
      </c>
      <c r="Q1" s="1" t="s">
        <v>15</v>
      </c>
      <c r="R1" s="1" t="s">
        <v>16</v>
      </c>
      <c r="S1" s="1" t="s">
        <v>17</v>
      </c>
      <c r="T1" s="1" t="s">
        <v>18</v>
      </c>
      <c r="U1" s="1" t="s">
        <v>19</v>
      </c>
      <c r="V1" s="1" t="s">
        <v>20</v>
      </c>
    </row>
    <row r="2" spans="1:22" x14ac:dyDescent="0.25">
      <c r="A2" s="2" t="s">
        <v>21</v>
      </c>
      <c r="B2" s="3" t="s">
        <v>22</v>
      </c>
      <c r="C2" s="2" t="s">
        <v>23</v>
      </c>
      <c r="D2" s="4" t="s">
        <v>1723</v>
      </c>
      <c r="E2" s="2" t="s">
        <v>25</v>
      </c>
      <c r="F2" s="2" t="s">
        <v>37</v>
      </c>
      <c r="G2" s="8" t="s">
        <v>38</v>
      </c>
      <c r="H2" s="8" t="s">
        <v>27</v>
      </c>
      <c r="I2" s="2" t="s">
        <v>1724</v>
      </c>
      <c r="J2" s="2" t="s">
        <v>39</v>
      </c>
      <c r="K2" s="2" t="s">
        <v>29</v>
      </c>
      <c r="L2" s="2" t="s">
        <v>30</v>
      </c>
      <c r="M2" s="2" t="s">
        <v>31</v>
      </c>
      <c r="N2" s="2" t="s">
        <v>32</v>
      </c>
      <c r="O2" s="2" t="s">
        <v>33</v>
      </c>
      <c r="P2" s="2" t="s">
        <v>34</v>
      </c>
      <c r="Q2" s="2" t="s">
        <v>34</v>
      </c>
      <c r="R2" s="2" t="s">
        <v>35</v>
      </c>
      <c r="S2" s="2" t="s">
        <v>40</v>
      </c>
      <c r="T2" s="2" t="s">
        <v>34</v>
      </c>
      <c r="U2" s="2" t="s">
        <v>34</v>
      </c>
      <c r="V2" s="2" t="s">
        <v>34</v>
      </c>
    </row>
    <row r="3" spans="1:22" x14ac:dyDescent="0.25">
      <c r="A3" s="2" t="s">
        <v>21</v>
      </c>
      <c r="B3" s="3" t="s">
        <v>22</v>
      </c>
      <c r="C3" s="2" t="s">
        <v>23</v>
      </c>
      <c r="D3" s="4" t="s">
        <v>1725</v>
      </c>
      <c r="E3" s="2" t="s">
        <v>42</v>
      </c>
      <c r="F3" s="2" t="s">
        <v>43</v>
      </c>
      <c r="G3" s="8" t="s">
        <v>44</v>
      </c>
      <c r="H3" s="8" t="s">
        <v>45</v>
      </c>
      <c r="I3" s="2" t="s">
        <v>46</v>
      </c>
      <c r="J3" s="2" t="s">
        <v>47</v>
      </c>
      <c r="K3" s="2" t="s">
        <v>29</v>
      </c>
      <c r="L3" s="2" t="s">
        <v>30</v>
      </c>
      <c r="M3" s="2" t="s">
        <v>48</v>
      </c>
      <c r="N3" s="2" t="s">
        <v>49</v>
      </c>
      <c r="O3" s="2" t="s">
        <v>50</v>
      </c>
      <c r="P3" s="2" t="s">
        <v>34</v>
      </c>
      <c r="Q3" s="2" t="s">
        <v>34</v>
      </c>
      <c r="R3" s="2" t="s">
        <v>35</v>
      </c>
      <c r="S3" s="2" t="s">
        <v>51</v>
      </c>
      <c r="T3" s="2" t="s">
        <v>34</v>
      </c>
      <c r="U3" s="2" t="s">
        <v>34</v>
      </c>
      <c r="V3" s="2" t="s">
        <v>34</v>
      </c>
    </row>
    <row r="4" spans="1:22" x14ac:dyDescent="0.25">
      <c r="A4" s="2" t="s">
        <v>21</v>
      </c>
      <c r="B4" s="3" t="s">
        <v>22</v>
      </c>
      <c r="C4" s="2" t="s">
        <v>23</v>
      </c>
      <c r="D4" s="4" t="s">
        <v>1726</v>
      </c>
      <c r="E4" s="2" t="s">
        <v>42</v>
      </c>
      <c r="F4" s="2" t="s">
        <v>53</v>
      </c>
      <c r="G4" s="8" t="s">
        <v>54</v>
      </c>
      <c r="H4" s="8" t="s">
        <v>45</v>
      </c>
      <c r="I4" s="2" t="s">
        <v>55</v>
      </c>
      <c r="J4" s="2" t="s">
        <v>56</v>
      </c>
      <c r="K4" s="2" t="s">
        <v>29</v>
      </c>
      <c r="L4" s="2" t="s">
        <v>30</v>
      </c>
      <c r="M4" s="2" t="s">
        <v>48</v>
      </c>
      <c r="N4" s="2" t="s">
        <v>49</v>
      </c>
      <c r="O4" s="2" t="s">
        <v>50</v>
      </c>
      <c r="P4" s="2" t="s">
        <v>34</v>
      </c>
      <c r="Q4" s="2" t="s">
        <v>34</v>
      </c>
      <c r="R4" s="2" t="s">
        <v>35</v>
      </c>
      <c r="S4" s="2" t="s">
        <v>57</v>
      </c>
      <c r="T4" s="2" t="s">
        <v>34</v>
      </c>
      <c r="U4" s="2" t="s">
        <v>34</v>
      </c>
      <c r="V4" s="2" t="s">
        <v>34</v>
      </c>
    </row>
    <row r="5" spans="1:22" x14ac:dyDescent="0.25">
      <c r="A5" s="2" t="s">
        <v>21</v>
      </c>
      <c r="B5" s="3" t="s">
        <v>22</v>
      </c>
      <c r="C5" s="2" t="s">
        <v>23</v>
      </c>
      <c r="D5" s="4" t="s">
        <v>1727</v>
      </c>
      <c r="E5" s="2" t="s">
        <v>42</v>
      </c>
      <c r="F5" s="2" t="s">
        <v>59</v>
      </c>
      <c r="G5" s="8" t="s">
        <v>60</v>
      </c>
      <c r="H5" s="8" t="s">
        <v>45</v>
      </c>
      <c r="I5" s="2" t="s">
        <v>55</v>
      </c>
      <c r="J5" s="2" t="s">
        <v>61</v>
      </c>
      <c r="K5" s="2" t="s">
        <v>29</v>
      </c>
      <c r="L5" s="2" t="s">
        <v>30</v>
      </c>
      <c r="M5" s="2" t="s">
        <v>48</v>
      </c>
      <c r="N5" s="2" t="s">
        <v>49</v>
      </c>
      <c r="O5" s="2" t="s">
        <v>50</v>
      </c>
      <c r="P5" s="2" t="s">
        <v>34</v>
      </c>
      <c r="Q5" s="2" t="s">
        <v>34</v>
      </c>
      <c r="R5" s="2" t="s">
        <v>35</v>
      </c>
      <c r="S5" s="2" t="s">
        <v>62</v>
      </c>
      <c r="T5" s="2" t="s">
        <v>34</v>
      </c>
      <c r="U5" s="2" t="s">
        <v>34</v>
      </c>
      <c r="V5" s="2" t="s">
        <v>34</v>
      </c>
    </row>
    <row r="6" spans="1:22" x14ac:dyDescent="0.25">
      <c r="A6" s="2" t="s">
        <v>21</v>
      </c>
      <c r="B6" s="3" t="s">
        <v>22</v>
      </c>
      <c r="C6" s="2" t="s">
        <v>23</v>
      </c>
      <c r="D6" s="4" t="s">
        <v>1728</v>
      </c>
      <c r="E6" s="2" t="s">
        <v>42</v>
      </c>
      <c r="F6" s="2" t="s">
        <v>64</v>
      </c>
      <c r="G6" s="8" t="s">
        <v>65</v>
      </c>
      <c r="H6" s="8" t="s">
        <v>45</v>
      </c>
      <c r="I6" s="2" t="s">
        <v>46</v>
      </c>
      <c r="J6" s="2" t="s">
        <v>66</v>
      </c>
      <c r="K6" s="2" t="s">
        <v>29</v>
      </c>
      <c r="L6" s="2" t="s">
        <v>30</v>
      </c>
      <c r="M6" s="2" t="s">
        <v>48</v>
      </c>
      <c r="N6" s="2" t="s">
        <v>49</v>
      </c>
      <c r="O6" s="2" t="s">
        <v>50</v>
      </c>
      <c r="P6" s="2" t="s">
        <v>34</v>
      </c>
      <c r="Q6" s="2" t="s">
        <v>34</v>
      </c>
      <c r="R6" s="2" t="s">
        <v>35</v>
      </c>
      <c r="S6" s="2" t="s">
        <v>67</v>
      </c>
      <c r="T6" s="2" t="s">
        <v>34</v>
      </c>
      <c r="U6" s="2" t="s">
        <v>34</v>
      </c>
      <c r="V6" s="2" t="s">
        <v>34</v>
      </c>
    </row>
    <row r="7" spans="1:22" x14ac:dyDescent="0.25">
      <c r="A7" s="2" t="s">
        <v>21</v>
      </c>
      <c r="B7" s="3" t="s">
        <v>22</v>
      </c>
      <c r="C7" s="2" t="s">
        <v>23</v>
      </c>
      <c r="D7" s="4" t="s">
        <v>1729</v>
      </c>
      <c r="E7" s="2" t="s">
        <v>42</v>
      </c>
      <c r="F7" s="2" t="s">
        <v>69</v>
      </c>
      <c r="G7" s="8" t="s">
        <v>70</v>
      </c>
      <c r="H7" s="8" t="s">
        <v>45</v>
      </c>
      <c r="I7" s="2" t="s">
        <v>55</v>
      </c>
      <c r="J7" s="2" t="s">
        <v>71</v>
      </c>
      <c r="K7" s="2" t="s">
        <v>29</v>
      </c>
      <c r="L7" s="2" t="s">
        <v>30</v>
      </c>
      <c r="M7" s="2" t="s">
        <v>48</v>
      </c>
      <c r="N7" s="2" t="s">
        <v>49</v>
      </c>
      <c r="O7" s="2" t="s">
        <v>50</v>
      </c>
      <c r="P7" s="2" t="s">
        <v>34</v>
      </c>
      <c r="Q7" s="2" t="s">
        <v>34</v>
      </c>
      <c r="R7" s="2" t="s">
        <v>35</v>
      </c>
      <c r="S7" s="2" t="s">
        <v>72</v>
      </c>
      <c r="T7" s="2" t="s">
        <v>34</v>
      </c>
      <c r="U7" s="2" t="s">
        <v>34</v>
      </c>
      <c r="V7" s="2" t="s">
        <v>34</v>
      </c>
    </row>
    <row r="8" spans="1:22" x14ac:dyDescent="0.25">
      <c r="A8" s="2" t="s">
        <v>21</v>
      </c>
      <c r="B8" s="3" t="s">
        <v>22</v>
      </c>
      <c r="C8" s="2" t="s">
        <v>23</v>
      </c>
      <c r="D8" s="4" t="s">
        <v>1730</v>
      </c>
      <c r="E8" s="2" t="s">
        <v>42</v>
      </c>
      <c r="F8" s="2" t="s">
        <v>74</v>
      </c>
      <c r="G8" s="8" t="s">
        <v>75</v>
      </c>
      <c r="H8" s="8" t="s">
        <v>45</v>
      </c>
      <c r="I8" s="2" t="s">
        <v>46</v>
      </c>
      <c r="J8" s="2" t="s">
        <v>76</v>
      </c>
      <c r="K8" s="2" t="s">
        <v>29</v>
      </c>
      <c r="L8" s="2" t="s">
        <v>30</v>
      </c>
      <c r="M8" s="2" t="s">
        <v>48</v>
      </c>
      <c r="N8" s="2" t="s">
        <v>49</v>
      </c>
      <c r="O8" s="2" t="s">
        <v>50</v>
      </c>
      <c r="P8" s="2" t="s">
        <v>34</v>
      </c>
      <c r="Q8" s="2" t="s">
        <v>34</v>
      </c>
      <c r="R8" s="2" t="s">
        <v>35</v>
      </c>
      <c r="S8" s="2" t="s">
        <v>77</v>
      </c>
      <c r="T8" s="2" t="s">
        <v>34</v>
      </c>
      <c r="U8" s="2" t="s">
        <v>34</v>
      </c>
      <c r="V8" s="2" t="s">
        <v>34</v>
      </c>
    </row>
    <row r="9" spans="1:22" x14ac:dyDescent="0.25">
      <c r="A9" s="2" t="s">
        <v>21</v>
      </c>
      <c r="B9" s="3" t="s">
        <v>22</v>
      </c>
      <c r="C9" s="2" t="s">
        <v>23</v>
      </c>
      <c r="D9" s="4" t="s">
        <v>1731</v>
      </c>
      <c r="E9" s="2" t="s">
        <v>25</v>
      </c>
      <c r="F9" s="2" t="s">
        <v>79</v>
      </c>
      <c r="G9" s="8" t="s">
        <v>80</v>
      </c>
      <c r="H9" s="8" t="s">
        <v>27</v>
      </c>
      <c r="I9" s="2" t="s">
        <v>275</v>
      </c>
      <c r="J9" s="2" t="s">
        <v>81</v>
      </c>
      <c r="K9" s="2" t="s">
        <v>29</v>
      </c>
      <c r="L9" s="2" t="s">
        <v>30</v>
      </c>
      <c r="M9" s="2" t="s">
        <v>31</v>
      </c>
      <c r="N9" s="2" t="s">
        <v>32</v>
      </c>
      <c r="O9" s="2" t="s">
        <v>33</v>
      </c>
      <c r="P9" s="2" t="s">
        <v>34</v>
      </c>
      <c r="Q9" s="2" t="s">
        <v>34</v>
      </c>
      <c r="R9" s="2" t="s">
        <v>35</v>
      </c>
      <c r="S9" s="2" t="s">
        <v>82</v>
      </c>
      <c r="T9" s="2" t="s">
        <v>34</v>
      </c>
      <c r="U9" s="2" t="s">
        <v>34</v>
      </c>
      <c r="V9" s="2" t="s">
        <v>34</v>
      </c>
    </row>
    <row r="10" spans="1:22" x14ac:dyDescent="0.25">
      <c r="A10" s="2" t="s">
        <v>21</v>
      </c>
      <c r="B10" s="3" t="s">
        <v>22</v>
      </c>
      <c r="C10" s="2" t="s">
        <v>23</v>
      </c>
      <c r="D10" s="4" t="s">
        <v>1732</v>
      </c>
      <c r="E10" s="2" t="s">
        <v>84</v>
      </c>
      <c r="F10" s="2" t="s">
        <v>85</v>
      </c>
      <c r="G10" s="8" t="s">
        <v>38</v>
      </c>
      <c r="H10" s="8" t="s">
        <v>86</v>
      </c>
      <c r="I10" s="2" t="s">
        <v>34</v>
      </c>
      <c r="J10" s="2" t="s">
        <v>87</v>
      </c>
      <c r="K10" s="2" t="s">
        <v>29</v>
      </c>
      <c r="L10" s="2" t="s">
        <v>30</v>
      </c>
      <c r="M10" s="2" t="s">
        <v>31</v>
      </c>
      <c r="N10" s="2" t="s">
        <v>49</v>
      </c>
      <c r="O10" s="2" t="s">
        <v>33</v>
      </c>
      <c r="P10" s="2" t="s">
        <v>34</v>
      </c>
      <c r="Q10" s="2" t="s">
        <v>34</v>
      </c>
      <c r="R10" s="2" t="s">
        <v>35</v>
      </c>
      <c r="S10" s="2" t="s">
        <v>88</v>
      </c>
      <c r="T10" s="2" t="s">
        <v>34</v>
      </c>
      <c r="U10" s="2" t="s">
        <v>34</v>
      </c>
      <c r="V10" s="2" t="s">
        <v>34</v>
      </c>
    </row>
    <row r="11" spans="1:22" x14ac:dyDescent="0.25">
      <c r="A11" s="2" t="s">
        <v>21</v>
      </c>
      <c r="B11" s="3" t="s">
        <v>22</v>
      </c>
      <c r="C11" s="2" t="s">
        <v>23</v>
      </c>
      <c r="D11" s="4" t="s">
        <v>1733</v>
      </c>
      <c r="E11" s="2" t="s">
        <v>84</v>
      </c>
      <c r="F11" s="2" t="s">
        <v>90</v>
      </c>
      <c r="G11" s="8" t="s">
        <v>91</v>
      </c>
      <c r="H11" s="8" t="s">
        <v>86</v>
      </c>
      <c r="I11" s="2" t="s">
        <v>34</v>
      </c>
      <c r="J11" s="2" t="s">
        <v>92</v>
      </c>
      <c r="K11" s="2" t="s">
        <v>29</v>
      </c>
      <c r="L11" s="2" t="s">
        <v>30</v>
      </c>
      <c r="M11" s="2" t="s">
        <v>31</v>
      </c>
      <c r="N11" s="2" t="s">
        <v>49</v>
      </c>
      <c r="O11" s="2" t="s">
        <v>33</v>
      </c>
      <c r="P11" s="2" t="s">
        <v>34</v>
      </c>
      <c r="Q11" s="2" t="s">
        <v>34</v>
      </c>
      <c r="R11" s="2" t="s">
        <v>35</v>
      </c>
      <c r="S11" s="2" t="s">
        <v>93</v>
      </c>
      <c r="T11" s="2" t="s">
        <v>34</v>
      </c>
      <c r="U11" s="2" t="s">
        <v>34</v>
      </c>
      <c r="V11" s="2" t="s">
        <v>34</v>
      </c>
    </row>
    <row r="12" spans="1:22" x14ac:dyDescent="0.25">
      <c r="A12" s="2" t="s">
        <v>21</v>
      </c>
      <c r="B12" s="3" t="s">
        <v>22</v>
      </c>
      <c r="C12" s="2" t="s">
        <v>23</v>
      </c>
      <c r="D12" s="4" t="s">
        <v>1734</v>
      </c>
      <c r="E12" s="2" t="s">
        <v>84</v>
      </c>
      <c r="F12" s="2" t="s">
        <v>94</v>
      </c>
      <c r="G12" s="8" t="s">
        <v>95</v>
      </c>
      <c r="H12" s="8" t="s">
        <v>86</v>
      </c>
      <c r="I12" s="2" t="s">
        <v>34</v>
      </c>
      <c r="J12" s="2" t="s">
        <v>96</v>
      </c>
      <c r="K12" s="2" t="s">
        <v>29</v>
      </c>
      <c r="L12" s="2" t="s">
        <v>30</v>
      </c>
      <c r="M12" s="2" t="s">
        <v>31</v>
      </c>
      <c r="N12" s="2" t="s">
        <v>49</v>
      </c>
      <c r="O12" s="2" t="s">
        <v>33</v>
      </c>
      <c r="P12" s="2" t="s">
        <v>34</v>
      </c>
      <c r="Q12" s="2" t="s">
        <v>34</v>
      </c>
      <c r="R12" s="2" t="s">
        <v>35</v>
      </c>
      <c r="S12" s="2" t="s">
        <v>97</v>
      </c>
      <c r="T12" s="2" t="s">
        <v>34</v>
      </c>
      <c r="U12" s="2" t="s">
        <v>34</v>
      </c>
      <c r="V12" s="2" t="s">
        <v>34</v>
      </c>
    </row>
    <row r="13" spans="1:22" x14ac:dyDescent="0.25">
      <c r="A13" s="2" t="s">
        <v>21</v>
      </c>
      <c r="B13" s="3" t="s">
        <v>22</v>
      </c>
      <c r="C13" s="2" t="s">
        <v>23</v>
      </c>
      <c r="D13" s="4" t="s">
        <v>1735</v>
      </c>
      <c r="E13" s="2" t="s">
        <v>99</v>
      </c>
      <c r="F13" s="2" t="s">
        <v>100</v>
      </c>
      <c r="G13" s="8" t="s">
        <v>101</v>
      </c>
      <c r="H13" s="8" t="s">
        <v>45</v>
      </c>
      <c r="I13" s="2" t="s">
        <v>294</v>
      </c>
      <c r="J13" s="2" t="s">
        <v>103</v>
      </c>
      <c r="K13" s="2" t="s">
        <v>29</v>
      </c>
      <c r="L13" s="2" t="s">
        <v>30</v>
      </c>
      <c r="M13" s="2" t="s">
        <v>31</v>
      </c>
      <c r="N13" s="2" t="s">
        <v>104</v>
      </c>
      <c r="O13" s="2" t="s">
        <v>33</v>
      </c>
      <c r="P13" s="2" t="s">
        <v>34</v>
      </c>
      <c r="Q13" s="2" t="s">
        <v>34</v>
      </c>
      <c r="R13" s="2" t="s">
        <v>35</v>
      </c>
      <c r="S13" s="2" t="s">
        <v>105</v>
      </c>
      <c r="T13" s="2" t="s">
        <v>34</v>
      </c>
      <c r="U13" s="2" t="s">
        <v>34</v>
      </c>
      <c r="V13" s="2" t="s">
        <v>34</v>
      </c>
    </row>
    <row r="14" spans="1:22" x14ac:dyDescent="0.25">
      <c r="A14" s="2" t="s">
        <v>21</v>
      </c>
      <c r="B14" s="3" t="s">
        <v>22</v>
      </c>
      <c r="C14" s="2" t="s">
        <v>23</v>
      </c>
      <c r="D14" s="4" t="s">
        <v>1736</v>
      </c>
      <c r="E14" s="2" t="s">
        <v>99</v>
      </c>
      <c r="F14" s="2" t="s">
        <v>107</v>
      </c>
      <c r="G14" s="8" t="s">
        <v>108</v>
      </c>
      <c r="H14" s="8" t="s">
        <v>45</v>
      </c>
      <c r="I14" s="2" t="s">
        <v>1737</v>
      </c>
      <c r="J14" s="2" t="s">
        <v>110</v>
      </c>
      <c r="K14" s="2" t="s">
        <v>29</v>
      </c>
      <c r="L14" s="2" t="s">
        <v>30</v>
      </c>
      <c r="M14" s="2" t="s">
        <v>31</v>
      </c>
      <c r="N14" s="2" t="s">
        <v>104</v>
      </c>
      <c r="O14" s="2" t="s">
        <v>33</v>
      </c>
      <c r="P14" s="2" t="s">
        <v>34</v>
      </c>
      <c r="Q14" s="2" t="s">
        <v>34</v>
      </c>
      <c r="R14" s="2" t="s">
        <v>35</v>
      </c>
      <c r="S14" s="2" t="s">
        <v>111</v>
      </c>
      <c r="T14" s="2" t="s">
        <v>34</v>
      </c>
      <c r="U14" s="2" t="s">
        <v>34</v>
      </c>
      <c r="V14" s="2" t="s">
        <v>34</v>
      </c>
    </row>
    <row r="15" spans="1:22" x14ac:dyDescent="0.25">
      <c r="A15" s="2" t="s">
        <v>21</v>
      </c>
      <c r="B15" s="3" t="s">
        <v>22</v>
      </c>
      <c r="C15" s="2" t="s">
        <v>23</v>
      </c>
      <c r="D15" s="4" t="s">
        <v>1738</v>
      </c>
      <c r="E15" s="2" t="s">
        <v>113</v>
      </c>
      <c r="F15" s="2" t="s">
        <v>34</v>
      </c>
      <c r="G15" s="8">
        <v>1</v>
      </c>
      <c r="H15" s="8">
        <v>0</v>
      </c>
      <c r="I15" s="2" t="s">
        <v>34</v>
      </c>
      <c r="J15" s="2" t="s">
        <v>114</v>
      </c>
      <c r="K15" s="2" t="s">
        <v>115</v>
      </c>
      <c r="L15" s="2" t="s">
        <v>34</v>
      </c>
      <c r="M15" s="2" t="s">
        <v>116</v>
      </c>
      <c r="N15" s="2" t="s">
        <v>49</v>
      </c>
      <c r="O15" s="2" t="s">
        <v>117</v>
      </c>
      <c r="P15" s="2" t="s">
        <v>118</v>
      </c>
      <c r="Q15" s="2" t="s">
        <v>34</v>
      </c>
      <c r="R15" s="2" t="s">
        <v>35</v>
      </c>
      <c r="S15" s="2" t="s">
        <v>119</v>
      </c>
      <c r="T15" s="2" t="s">
        <v>34</v>
      </c>
      <c r="U15" s="2" t="s">
        <v>34</v>
      </c>
      <c r="V15" s="2" t="s">
        <v>34</v>
      </c>
    </row>
    <row r="16" spans="1:22" x14ac:dyDescent="0.25">
      <c r="A16" s="2" t="s">
        <v>21</v>
      </c>
      <c r="B16" s="3" t="s">
        <v>22</v>
      </c>
      <c r="C16" s="2" t="s">
        <v>23</v>
      </c>
      <c r="D16" s="4" t="s">
        <v>1739</v>
      </c>
      <c r="E16" s="2" t="s">
        <v>42</v>
      </c>
      <c r="F16" s="2" t="s">
        <v>121</v>
      </c>
      <c r="G16" s="8" t="s">
        <v>45</v>
      </c>
      <c r="H16" s="8" t="s">
        <v>45</v>
      </c>
      <c r="I16" s="2" t="s">
        <v>55</v>
      </c>
      <c r="J16" s="2" t="s">
        <v>122</v>
      </c>
      <c r="K16" s="2" t="s">
        <v>29</v>
      </c>
      <c r="L16" s="2" t="s">
        <v>30</v>
      </c>
      <c r="M16" s="2" t="s">
        <v>48</v>
      </c>
      <c r="N16" s="2" t="s">
        <v>49</v>
      </c>
      <c r="O16" s="2" t="s">
        <v>50</v>
      </c>
      <c r="P16" s="2" t="s">
        <v>34</v>
      </c>
      <c r="Q16" s="2" t="s">
        <v>34</v>
      </c>
      <c r="R16" s="2" t="s">
        <v>35</v>
      </c>
      <c r="S16" s="2" t="s">
        <v>123</v>
      </c>
      <c r="T16" s="2" t="s">
        <v>34</v>
      </c>
      <c r="U16" s="2" t="s">
        <v>34</v>
      </c>
      <c r="V16" s="2" t="s">
        <v>34</v>
      </c>
    </row>
    <row r="17" spans="1:22" x14ac:dyDescent="0.25">
      <c r="A17" s="2" t="s">
        <v>21</v>
      </c>
      <c r="B17" s="3" t="s">
        <v>22</v>
      </c>
      <c r="C17" s="2" t="s">
        <v>23</v>
      </c>
      <c r="D17" s="4" t="s">
        <v>1740</v>
      </c>
      <c r="E17" s="2" t="s">
        <v>42</v>
      </c>
      <c r="F17" s="2" t="s">
        <v>124</v>
      </c>
      <c r="G17" s="8" t="s">
        <v>27</v>
      </c>
      <c r="H17" s="8" t="s">
        <v>45</v>
      </c>
      <c r="I17" s="2" t="s">
        <v>55</v>
      </c>
      <c r="J17" s="2" t="s">
        <v>125</v>
      </c>
      <c r="K17" s="2" t="s">
        <v>29</v>
      </c>
      <c r="L17" s="2" t="s">
        <v>30</v>
      </c>
      <c r="M17" s="2" t="s">
        <v>48</v>
      </c>
      <c r="N17" s="2" t="s">
        <v>49</v>
      </c>
      <c r="O17" s="2" t="s">
        <v>50</v>
      </c>
      <c r="P17" s="2" t="s">
        <v>34</v>
      </c>
      <c r="Q17" s="2" t="s">
        <v>34</v>
      </c>
      <c r="R17" s="2" t="s">
        <v>35</v>
      </c>
      <c r="S17" s="2" t="s">
        <v>126</v>
      </c>
      <c r="T17" s="2" t="s">
        <v>34</v>
      </c>
      <c r="U17" s="2" t="s">
        <v>34</v>
      </c>
      <c r="V17" s="2" t="s">
        <v>34</v>
      </c>
    </row>
    <row r="18" spans="1:22" x14ac:dyDescent="0.25">
      <c r="A18" s="2" t="s">
        <v>21</v>
      </c>
      <c r="B18" s="3" t="s">
        <v>22</v>
      </c>
      <c r="C18" s="2" t="s">
        <v>23</v>
      </c>
      <c r="D18" s="4" t="s">
        <v>1741</v>
      </c>
      <c r="E18" s="2" t="s">
        <v>42</v>
      </c>
      <c r="F18" s="2" t="s">
        <v>128</v>
      </c>
      <c r="G18" s="8" t="s">
        <v>86</v>
      </c>
      <c r="H18" s="8" t="s">
        <v>45</v>
      </c>
      <c r="I18" s="2" t="s">
        <v>55</v>
      </c>
      <c r="J18" s="2" t="s">
        <v>129</v>
      </c>
      <c r="K18" s="2" t="s">
        <v>29</v>
      </c>
      <c r="L18" s="2" t="s">
        <v>30</v>
      </c>
      <c r="M18" s="2" t="s">
        <v>48</v>
      </c>
      <c r="N18" s="2" t="s">
        <v>49</v>
      </c>
      <c r="O18" s="2" t="s">
        <v>50</v>
      </c>
      <c r="P18" s="2" t="s">
        <v>34</v>
      </c>
      <c r="Q18" s="2" t="s">
        <v>34</v>
      </c>
      <c r="R18" s="2" t="s">
        <v>35</v>
      </c>
      <c r="S18" s="2" t="s">
        <v>130</v>
      </c>
      <c r="T18" s="2" t="s">
        <v>34</v>
      </c>
      <c r="U18" s="2" t="s">
        <v>34</v>
      </c>
      <c r="V18" s="2" t="s">
        <v>34</v>
      </c>
    </row>
    <row r="19" spans="1:22" x14ac:dyDescent="0.25">
      <c r="A19" s="2" t="s">
        <v>21</v>
      </c>
      <c r="B19" s="3" t="s">
        <v>22</v>
      </c>
      <c r="C19" s="2" t="s">
        <v>23</v>
      </c>
      <c r="D19" s="4" t="s">
        <v>1742</v>
      </c>
      <c r="E19" s="2" t="s">
        <v>42</v>
      </c>
      <c r="F19" s="2" t="s">
        <v>132</v>
      </c>
      <c r="G19" s="8" t="s">
        <v>133</v>
      </c>
      <c r="H19" s="8" t="s">
        <v>45</v>
      </c>
      <c r="I19" s="2" t="s">
        <v>55</v>
      </c>
      <c r="J19" s="2" t="s">
        <v>134</v>
      </c>
      <c r="K19" s="2" t="s">
        <v>29</v>
      </c>
      <c r="L19" s="2" t="s">
        <v>30</v>
      </c>
      <c r="M19" s="2" t="s">
        <v>48</v>
      </c>
      <c r="N19" s="2" t="s">
        <v>49</v>
      </c>
      <c r="O19" s="2" t="s">
        <v>50</v>
      </c>
      <c r="P19" s="2" t="s">
        <v>34</v>
      </c>
      <c r="Q19" s="2" t="s">
        <v>34</v>
      </c>
      <c r="R19" s="2" t="s">
        <v>35</v>
      </c>
      <c r="S19" s="2" t="s">
        <v>135</v>
      </c>
      <c r="T19" s="2" t="s">
        <v>34</v>
      </c>
      <c r="U19" s="2" t="s">
        <v>34</v>
      </c>
      <c r="V19" s="2" t="s">
        <v>34</v>
      </c>
    </row>
    <row r="20" spans="1:22" x14ac:dyDescent="0.25">
      <c r="A20" s="2" t="s">
        <v>21</v>
      </c>
      <c r="B20" s="3" t="s">
        <v>22</v>
      </c>
      <c r="C20" s="2" t="s">
        <v>23</v>
      </c>
      <c r="D20" s="4" t="s">
        <v>1743</v>
      </c>
      <c r="E20" s="2" t="s">
        <v>42</v>
      </c>
      <c r="F20" s="2" t="s">
        <v>136</v>
      </c>
      <c r="G20" s="8" t="s">
        <v>101</v>
      </c>
      <c r="H20" s="8" t="s">
        <v>45</v>
      </c>
      <c r="I20" s="2" t="s">
        <v>46</v>
      </c>
      <c r="J20" s="2" t="s">
        <v>34</v>
      </c>
      <c r="K20" s="2" t="s">
        <v>29</v>
      </c>
      <c r="L20" s="2" t="s">
        <v>30</v>
      </c>
      <c r="M20" s="2" t="s">
        <v>48</v>
      </c>
      <c r="N20" s="2" t="s">
        <v>49</v>
      </c>
      <c r="O20" s="2" t="s">
        <v>50</v>
      </c>
      <c r="P20" s="2" t="s">
        <v>34</v>
      </c>
      <c r="Q20" s="2" t="s">
        <v>34</v>
      </c>
      <c r="R20" s="2" t="s">
        <v>35</v>
      </c>
      <c r="S20" s="2" t="s">
        <v>137</v>
      </c>
      <c r="T20" s="2" t="s">
        <v>34</v>
      </c>
      <c r="U20" s="2" t="s">
        <v>34</v>
      </c>
      <c r="V20" s="2" t="s">
        <v>34</v>
      </c>
    </row>
    <row r="21" spans="1:22" x14ac:dyDescent="0.25">
      <c r="A21" s="2" t="s">
        <v>21</v>
      </c>
      <c r="B21" s="3" t="s">
        <v>22</v>
      </c>
      <c r="C21" s="2" t="s">
        <v>23</v>
      </c>
      <c r="D21" s="4" t="s">
        <v>1744</v>
      </c>
      <c r="E21" s="2" t="s">
        <v>42</v>
      </c>
      <c r="F21" s="2" t="s">
        <v>139</v>
      </c>
      <c r="G21" s="8" t="s">
        <v>108</v>
      </c>
      <c r="H21" s="8" t="s">
        <v>45</v>
      </c>
      <c r="I21" s="2" t="s">
        <v>46</v>
      </c>
      <c r="J21" s="2" t="s">
        <v>140</v>
      </c>
      <c r="K21" s="2" t="s">
        <v>29</v>
      </c>
      <c r="L21" s="2" t="s">
        <v>30</v>
      </c>
      <c r="M21" s="2" t="s">
        <v>48</v>
      </c>
      <c r="N21" s="2" t="s">
        <v>49</v>
      </c>
      <c r="O21" s="2" t="s">
        <v>50</v>
      </c>
      <c r="P21" s="2" t="s">
        <v>34</v>
      </c>
      <c r="Q21" s="2" t="s">
        <v>34</v>
      </c>
      <c r="R21" s="2" t="s">
        <v>35</v>
      </c>
      <c r="S21" s="2" t="s">
        <v>141</v>
      </c>
      <c r="T21" s="2" t="s">
        <v>34</v>
      </c>
      <c r="U21" s="2" t="s">
        <v>34</v>
      </c>
      <c r="V21" s="2" t="s">
        <v>34</v>
      </c>
    </row>
    <row r="22" spans="1:22" x14ac:dyDescent="0.25">
      <c r="A22" s="2" t="s">
        <v>21</v>
      </c>
      <c r="B22" s="3" t="s">
        <v>22</v>
      </c>
      <c r="C22" s="2" t="s">
        <v>23</v>
      </c>
      <c r="D22" s="4" t="s">
        <v>1745</v>
      </c>
      <c r="E22" s="2" t="s">
        <v>42</v>
      </c>
      <c r="F22" s="2" t="s">
        <v>43</v>
      </c>
      <c r="G22" s="8" t="s">
        <v>44</v>
      </c>
      <c r="H22" s="8" t="s">
        <v>45</v>
      </c>
      <c r="I22" s="2" t="s">
        <v>46</v>
      </c>
      <c r="J22" s="2" t="s">
        <v>47</v>
      </c>
      <c r="K22" s="2" t="s">
        <v>29</v>
      </c>
      <c r="L22" s="2" t="s">
        <v>30</v>
      </c>
      <c r="M22" s="2" t="s">
        <v>48</v>
      </c>
      <c r="N22" s="2" t="s">
        <v>49</v>
      </c>
      <c r="O22" s="2" t="s">
        <v>50</v>
      </c>
      <c r="P22" s="2" t="s">
        <v>34</v>
      </c>
      <c r="Q22" s="2" t="s">
        <v>34</v>
      </c>
      <c r="R22" s="2" t="s">
        <v>35</v>
      </c>
      <c r="S22" s="2" t="s">
        <v>51</v>
      </c>
      <c r="T22" s="2" t="s">
        <v>34</v>
      </c>
      <c r="U22" s="2" t="s">
        <v>34</v>
      </c>
      <c r="V22" s="2" t="s">
        <v>34</v>
      </c>
    </row>
    <row r="23" spans="1:22" x14ac:dyDescent="0.25">
      <c r="A23" s="2" t="s">
        <v>21</v>
      </c>
      <c r="B23" s="3" t="s">
        <v>22</v>
      </c>
      <c r="C23" s="2" t="s">
        <v>23</v>
      </c>
      <c r="D23" s="4" t="s">
        <v>1746</v>
      </c>
      <c r="E23" s="2" t="s">
        <v>42</v>
      </c>
      <c r="F23" s="2" t="s">
        <v>53</v>
      </c>
      <c r="G23" s="8" t="s">
        <v>54</v>
      </c>
      <c r="H23" s="8" t="s">
        <v>45</v>
      </c>
      <c r="I23" s="2" t="s">
        <v>55</v>
      </c>
      <c r="J23" s="2" t="s">
        <v>56</v>
      </c>
      <c r="K23" s="2" t="s">
        <v>29</v>
      </c>
      <c r="L23" s="2" t="s">
        <v>30</v>
      </c>
      <c r="M23" s="2" t="s">
        <v>48</v>
      </c>
      <c r="N23" s="2" t="s">
        <v>49</v>
      </c>
      <c r="O23" s="2" t="s">
        <v>50</v>
      </c>
      <c r="P23" s="2" t="s">
        <v>34</v>
      </c>
      <c r="Q23" s="2" t="s">
        <v>34</v>
      </c>
      <c r="R23" s="2" t="s">
        <v>35</v>
      </c>
      <c r="S23" s="2" t="s">
        <v>57</v>
      </c>
      <c r="T23" s="2" t="s">
        <v>34</v>
      </c>
      <c r="U23" s="2" t="s">
        <v>34</v>
      </c>
      <c r="V23" s="2" t="s">
        <v>34</v>
      </c>
    </row>
    <row r="24" spans="1:22" x14ac:dyDescent="0.25">
      <c r="A24" s="2" t="s">
        <v>21</v>
      </c>
      <c r="B24" s="3" t="s">
        <v>22</v>
      </c>
      <c r="C24" s="2" t="s">
        <v>23</v>
      </c>
      <c r="D24" s="4" t="s">
        <v>1747</v>
      </c>
      <c r="E24" s="2" t="s">
        <v>42</v>
      </c>
      <c r="F24" s="2" t="s">
        <v>59</v>
      </c>
      <c r="G24" s="8" t="s">
        <v>60</v>
      </c>
      <c r="H24" s="8" t="s">
        <v>45</v>
      </c>
      <c r="I24" s="2" t="s">
        <v>55</v>
      </c>
      <c r="J24" s="2" t="s">
        <v>61</v>
      </c>
      <c r="K24" s="2" t="s">
        <v>29</v>
      </c>
      <c r="L24" s="2" t="s">
        <v>30</v>
      </c>
      <c r="M24" s="2" t="s">
        <v>48</v>
      </c>
      <c r="N24" s="2" t="s">
        <v>49</v>
      </c>
      <c r="O24" s="2" t="s">
        <v>50</v>
      </c>
      <c r="P24" s="2" t="s">
        <v>34</v>
      </c>
      <c r="Q24" s="2" t="s">
        <v>34</v>
      </c>
      <c r="R24" s="2" t="s">
        <v>35</v>
      </c>
      <c r="S24" s="2" t="s">
        <v>62</v>
      </c>
      <c r="T24" s="2" t="s">
        <v>34</v>
      </c>
      <c r="U24" s="2" t="s">
        <v>34</v>
      </c>
      <c r="V24" s="2" t="s">
        <v>34</v>
      </c>
    </row>
    <row r="25" spans="1:22" x14ac:dyDescent="0.25">
      <c r="A25" s="2" t="s">
        <v>21</v>
      </c>
      <c r="B25" s="3" t="s">
        <v>22</v>
      </c>
      <c r="C25" s="2" t="s">
        <v>23</v>
      </c>
      <c r="D25" s="4" t="s">
        <v>1748</v>
      </c>
      <c r="E25" s="2" t="s">
        <v>42</v>
      </c>
      <c r="F25" s="2" t="s">
        <v>64</v>
      </c>
      <c r="G25" s="8" t="s">
        <v>65</v>
      </c>
      <c r="H25" s="8" t="s">
        <v>45</v>
      </c>
      <c r="I25" s="2" t="s">
        <v>46</v>
      </c>
      <c r="J25" s="2" t="s">
        <v>66</v>
      </c>
      <c r="K25" s="2" t="s">
        <v>29</v>
      </c>
      <c r="L25" s="2" t="s">
        <v>30</v>
      </c>
      <c r="M25" s="2" t="s">
        <v>48</v>
      </c>
      <c r="N25" s="2" t="s">
        <v>49</v>
      </c>
      <c r="O25" s="2" t="s">
        <v>50</v>
      </c>
      <c r="P25" s="2" t="s">
        <v>34</v>
      </c>
      <c r="Q25" s="2" t="s">
        <v>34</v>
      </c>
      <c r="R25" s="2" t="s">
        <v>35</v>
      </c>
      <c r="S25" s="2" t="s">
        <v>67</v>
      </c>
      <c r="T25" s="2" t="s">
        <v>34</v>
      </c>
      <c r="U25" s="2" t="s">
        <v>34</v>
      </c>
      <c r="V25" s="2" t="s">
        <v>34</v>
      </c>
    </row>
    <row r="26" spans="1:22" x14ac:dyDescent="0.25">
      <c r="A26" s="2" t="s">
        <v>21</v>
      </c>
      <c r="B26" s="3" t="s">
        <v>22</v>
      </c>
      <c r="C26" s="2" t="s">
        <v>23</v>
      </c>
      <c r="D26" s="4" t="s">
        <v>1749</v>
      </c>
      <c r="E26" s="2" t="s">
        <v>42</v>
      </c>
      <c r="F26" s="2" t="s">
        <v>69</v>
      </c>
      <c r="G26" s="8" t="s">
        <v>70</v>
      </c>
      <c r="H26" s="8" t="s">
        <v>45</v>
      </c>
      <c r="I26" s="2" t="s">
        <v>55</v>
      </c>
      <c r="J26" s="2" t="s">
        <v>71</v>
      </c>
      <c r="K26" s="2" t="s">
        <v>29</v>
      </c>
      <c r="L26" s="2" t="s">
        <v>30</v>
      </c>
      <c r="M26" s="2" t="s">
        <v>48</v>
      </c>
      <c r="N26" s="2" t="s">
        <v>49</v>
      </c>
      <c r="O26" s="2" t="s">
        <v>50</v>
      </c>
      <c r="P26" s="2" t="s">
        <v>34</v>
      </c>
      <c r="Q26" s="2" t="s">
        <v>34</v>
      </c>
      <c r="R26" s="2" t="s">
        <v>35</v>
      </c>
      <c r="S26" s="2" t="s">
        <v>72</v>
      </c>
      <c r="T26" s="2" t="s">
        <v>34</v>
      </c>
      <c r="U26" s="2" t="s">
        <v>34</v>
      </c>
      <c r="V26" s="2" t="s">
        <v>34</v>
      </c>
    </row>
    <row r="27" spans="1:22" x14ac:dyDescent="0.25">
      <c r="A27" s="2" t="s">
        <v>21</v>
      </c>
      <c r="B27" s="3" t="s">
        <v>22</v>
      </c>
      <c r="C27" s="2" t="s">
        <v>23</v>
      </c>
      <c r="D27" s="4" t="s">
        <v>1750</v>
      </c>
      <c r="E27" s="2" t="s">
        <v>42</v>
      </c>
      <c r="F27" s="2" t="s">
        <v>74</v>
      </c>
      <c r="G27" s="8" t="s">
        <v>75</v>
      </c>
      <c r="H27" s="8" t="s">
        <v>45</v>
      </c>
      <c r="I27" s="2" t="s">
        <v>46</v>
      </c>
      <c r="J27" s="2" t="s">
        <v>76</v>
      </c>
      <c r="K27" s="2" t="s">
        <v>29</v>
      </c>
      <c r="L27" s="2" t="s">
        <v>30</v>
      </c>
      <c r="M27" s="2" t="s">
        <v>48</v>
      </c>
      <c r="N27" s="2" t="s">
        <v>49</v>
      </c>
      <c r="O27" s="2" t="s">
        <v>50</v>
      </c>
      <c r="P27" s="2" t="s">
        <v>34</v>
      </c>
      <c r="Q27" s="2" t="s">
        <v>34</v>
      </c>
      <c r="R27" s="2" t="s">
        <v>35</v>
      </c>
      <c r="S27" s="2" t="s">
        <v>77</v>
      </c>
      <c r="T27" s="2" t="s">
        <v>34</v>
      </c>
      <c r="U27" s="2" t="s">
        <v>34</v>
      </c>
      <c r="V27" s="2" t="s">
        <v>34</v>
      </c>
    </row>
    <row r="28" spans="1:22" x14ac:dyDescent="0.25">
      <c r="A28" s="2" t="s">
        <v>21</v>
      </c>
      <c r="B28" s="3" t="s">
        <v>22</v>
      </c>
      <c r="C28" s="2" t="s">
        <v>23</v>
      </c>
      <c r="D28" s="4" t="s">
        <v>1751</v>
      </c>
      <c r="E28" s="2" t="s">
        <v>42</v>
      </c>
      <c r="F28" s="2" t="s">
        <v>146</v>
      </c>
      <c r="G28" s="8" t="s">
        <v>147</v>
      </c>
      <c r="H28" s="8" t="s">
        <v>45</v>
      </c>
      <c r="I28" s="2" t="s">
        <v>46</v>
      </c>
      <c r="J28" s="2" t="s">
        <v>148</v>
      </c>
      <c r="K28" s="2" t="s">
        <v>29</v>
      </c>
      <c r="L28" s="2" t="s">
        <v>30</v>
      </c>
      <c r="M28" s="2" t="s">
        <v>48</v>
      </c>
      <c r="N28" s="2" t="s">
        <v>49</v>
      </c>
      <c r="O28" s="2" t="s">
        <v>50</v>
      </c>
      <c r="P28" s="2" t="s">
        <v>34</v>
      </c>
      <c r="Q28" s="2" t="s">
        <v>34</v>
      </c>
      <c r="R28" s="2" t="s">
        <v>35</v>
      </c>
      <c r="S28" s="2" t="s">
        <v>149</v>
      </c>
      <c r="T28" s="2" t="s">
        <v>34</v>
      </c>
      <c r="U28" s="2" t="s">
        <v>34</v>
      </c>
      <c r="V28" s="2" t="s">
        <v>34</v>
      </c>
    </row>
    <row r="29" spans="1:22" x14ac:dyDescent="0.25">
      <c r="A29" s="2" t="s">
        <v>21</v>
      </c>
      <c r="B29" s="3" t="s">
        <v>22</v>
      </c>
      <c r="C29" s="2" t="s">
        <v>23</v>
      </c>
      <c r="D29" s="4" t="s">
        <v>1752</v>
      </c>
      <c r="E29" s="2" t="s">
        <v>42</v>
      </c>
      <c r="F29" s="2" t="s">
        <v>151</v>
      </c>
      <c r="G29" s="8" t="s">
        <v>152</v>
      </c>
      <c r="H29" s="8" t="s">
        <v>45</v>
      </c>
      <c r="I29" s="2" t="s">
        <v>46</v>
      </c>
      <c r="J29" s="2" t="s">
        <v>153</v>
      </c>
      <c r="K29" s="2" t="s">
        <v>29</v>
      </c>
      <c r="L29" s="2" t="s">
        <v>30</v>
      </c>
      <c r="M29" s="2" t="s">
        <v>48</v>
      </c>
      <c r="N29" s="2" t="s">
        <v>49</v>
      </c>
      <c r="O29" s="2" t="s">
        <v>50</v>
      </c>
      <c r="P29" s="2" t="s">
        <v>34</v>
      </c>
      <c r="Q29" s="2" t="s">
        <v>34</v>
      </c>
      <c r="R29" s="2" t="s">
        <v>35</v>
      </c>
      <c r="S29" s="2" t="s">
        <v>154</v>
      </c>
      <c r="T29" s="2" t="s">
        <v>34</v>
      </c>
      <c r="U29" s="2" t="s">
        <v>34</v>
      </c>
      <c r="V29" s="2" t="s">
        <v>34</v>
      </c>
    </row>
    <row r="30" spans="1:22" x14ac:dyDescent="0.25">
      <c r="A30" s="2" t="s">
        <v>21</v>
      </c>
      <c r="B30" s="3" t="s">
        <v>22</v>
      </c>
      <c r="C30" s="2" t="s">
        <v>23</v>
      </c>
      <c r="D30" s="4" t="s">
        <v>1753</v>
      </c>
      <c r="E30" s="2" t="s">
        <v>42</v>
      </c>
      <c r="F30" s="2" t="s">
        <v>156</v>
      </c>
      <c r="G30" s="8" t="s">
        <v>157</v>
      </c>
      <c r="H30" s="8" t="s">
        <v>45</v>
      </c>
      <c r="I30" s="2" t="s">
        <v>46</v>
      </c>
      <c r="J30" s="2" t="s">
        <v>158</v>
      </c>
      <c r="K30" s="2" t="s">
        <v>29</v>
      </c>
      <c r="L30" s="2" t="s">
        <v>30</v>
      </c>
      <c r="M30" s="2" t="s">
        <v>48</v>
      </c>
      <c r="N30" s="2" t="s">
        <v>49</v>
      </c>
      <c r="O30" s="2" t="s">
        <v>50</v>
      </c>
      <c r="P30" s="2" t="s">
        <v>34</v>
      </c>
      <c r="Q30" s="2" t="s">
        <v>34</v>
      </c>
      <c r="R30" s="2" t="s">
        <v>35</v>
      </c>
      <c r="S30" s="2" t="s">
        <v>159</v>
      </c>
      <c r="T30" s="2" t="s">
        <v>34</v>
      </c>
      <c r="U30" s="2" t="s">
        <v>34</v>
      </c>
      <c r="V30" s="2" t="s">
        <v>34</v>
      </c>
    </row>
    <row r="31" spans="1:22" x14ac:dyDescent="0.25">
      <c r="A31" s="2" t="s">
        <v>21</v>
      </c>
      <c r="B31" s="3" t="s">
        <v>22</v>
      </c>
      <c r="C31" s="2" t="s">
        <v>23</v>
      </c>
      <c r="D31" s="4" t="s">
        <v>1754</v>
      </c>
      <c r="E31" s="2" t="s">
        <v>42</v>
      </c>
      <c r="F31" s="2" t="s">
        <v>161</v>
      </c>
      <c r="G31" s="8" t="s">
        <v>162</v>
      </c>
      <c r="H31" s="8" t="s">
        <v>45</v>
      </c>
      <c r="I31" s="2" t="s">
        <v>46</v>
      </c>
      <c r="J31" s="2" t="s">
        <v>163</v>
      </c>
      <c r="K31" s="2" t="s">
        <v>29</v>
      </c>
      <c r="L31" s="2" t="s">
        <v>30</v>
      </c>
      <c r="M31" s="2" t="s">
        <v>48</v>
      </c>
      <c r="N31" s="2" t="s">
        <v>49</v>
      </c>
      <c r="O31" s="2" t="s">
        <v>50</v>
      </c>
      <c r="P31" s="2" t="s">
        <v>34</v>
      </c>
      <c r="Q31" s="2" t="s">
        <v>34</v>
      </c>
      <c r="R31" s="2" t="s">
        <v>35</v>
      </c>
      <c r="S31" s="2" t="s">
        <v>164</v>
      </c>
      <c r="T31" s="2" t="s">
        <v>34</v>
      </c>
      <c r="U31" s="2" t="s">
        <v>34</v>
      </c>
      <c r="V31" s="2" t="s">
        <v>34</v>
      </c>
    </row>
    <row r="32" spans="1:22" x14ac:dyDescent="0.25">
      <c r="A32" s="2" t="s">
        <v>21</v>
      </c>
      <c r="B32" s="3" t="s">
        <v>22</v>
      </c>
      <c r="C32" s="2" t="s">
        <v>23</v>
      </c>
      <c r="D32" s="4" t="s">
        <v>1755</v>
      </c>
      <c r="E32" s="2" t="s">
        <v>42</v>
      </c>
      <c r="F32" s="2" t="s">
        <v>166</v>
      </c>
      <c r="G32" s="8" t="s">
        <v>167</v>
      </c>
      <c r="H32" s="8" t="s">
        <v>45</v>
      </c>
      <c r="I32" s="2" t="s">
        <v>55</v>
      </c>
      <c r="J32" s="2" t="s">
        <v>168</v>
      </c>
      <c r="K32" s="2" t="s">
        <v>29</v>
      </c>
      <c r="L32" s="2" t="s">
        <v>30</v>
      </c>
      <c r="M32" s="2" t="s">
        <v>48</v>
      </c>
      <c r="N32" s="2" t="s">
        <v>49</v>
      </c>
      <c r="O32" s="2" t="s">
        <v>50</v>
      </c>
      <c r="P32" s="2" t="s">
        <v>34</v>
      </c>
      <c r="Q32" s="2" t="s">
        <v>34</v>
      </c>
      <c r="R32" s="2" t="s">
        <v>35</v>
      </c>
      <c r="S32" s="2" t="s">
        <v>169</v>
      </c>
      <c r="T32" s="2" t="s">
        <v>34</v>
      </c>
      <c r="U32" s="2" t="s">
        <v>34</v>
      </c>
      <c r="V32" s="2" t="s">
        <v>34</v>
      </c>
    </row>
    <row r="33" spans="1:22" x14ac:dyDescent="0.25">
      <c r="A33" s="2" t="s">
        <v>21</v>
      </c>
      <c r="B33" s="3" t="s">
        <v>22</v>
      </c>
      <c r="C33" s="2" t="s">
        <v>23</v>
      </c>
      <c r="D33" s="4" t="s">
        <v>1756</v>
      </c>
      <c r="E33" s="2" t="s">
        <v>42</v>
      </c>
      <c r="F33" s="2" t="s">
        <v>171</v>
      </c>
      <c r="G33" s="8" t="s">
        <v>172</v>
      </c>
      <c r="H33" s="8" t="s">
        <v>45</v>
      </c>
      <c r="I33" s="2" t="s">
        <v>46</v>
      </c>
      <c r="J33" s="2" t="s">
        <v>173</v>
      </c>
      <c r="K33" s="2" t="s">
        <v>29</v>
      </c>
      <c r="L33" s="2" t="s">
        <v>30</v>
      </c>
      <c r="M33" s="2" t="s">
        <v>48</v>
      </c>
      <c r="N33" s="2" t="s">
        <v>49</v>
      </c>
      <c r="O33" s="2" t="s">
        <v>50</v>
      </c>
      <c r="P33" s="2" t="s">
        <v>34</v>
      </c>
      <c r="Q33" s="2" t="s">
        <v>34</v>
      </c>
      <c r="R33" s="2" t="s">
        <v>35</v>
      </c>
      <c r="S33" s="2" t="s">
        <v>174</v>
      </c>
      <c r="T33" s="2" t="s">
        <v>34</v>
      </c>
      <c r="U33" s="2" t="s">
        <v>34</v>
      </c>
      <c r="V33" s="2" t="s">
        <v>34</v>
      </c>
    </row>
    <row r="34" spans="1:22" x14ac:dyDescent="0.25">
      <c r="A34" s="2" t="s">
        <v>21</v>
      </c>
      <c r="B34" s="3" t="s">
        <v>22</v>
      </c>
      <c r="C34" s="2" t="s">
        <v>23</v>
      </c>
      <c r="D34" s="4" t="s">
        <v>1757</v>
      </c>
      <c r="E34" s="2" t="s">
        <v>99</v>
      </c>
      <c r="F34" s="2" t="s">
        <v>176</v>
      </c>
      <c r="G34" s="8" t="s">
        <v>45</v>
      </c>
      <c r="H34" s="8" t="s">
        <v>45</v>
      </c>
      <c r="I34" s="2" t="s">
        <v>109</v>
      </c>
      <c r="J34" s="2" t="s">
        <v>177</v>
      </c>
      <c r="K34" s="2" t="s">
        <v>29</v>
      </c>
      <c r="L34" s="2" t="s">
        <v>30</v>
      </c>
      <c r="M34" s="2" t="s">
        <v>31</v>
      </c>
      <c r="N34" s="2" t="s">
        <v>104</v>
      </c>
      <c r="O34" s="2" t="s">
        <v>33</v>
      </c>
      <c r="P34" s="2" t="s">
        <v>34</v>
      </c>
      <c r="Q34" s="2" t="s">
        <v>34</v>
      </c>
      <c r="R34" s="2" t="s">
        <v>35</v>
      </c>
      <c r="S34" s="2" t="s">
        <v>178</v>
      </c>
      <c r="T34" s="2" t="s">
        <v>34</v>
      </c>
      <c r="U34" s="2" t="s">
        <v>34</v>
      </c>
      <c r="V34" s="2" t="s">
        <v>34</v>
      </c>
    </row>
    <row r="35" spans="1:22" x14ac:dyDescent="0.25">
      <c r="A35" s="2" t="s">
        <v>21</v>
      </c>
      <c r="B35" s="3" t="s">
        <v>22</v>
      </c>
      <c r="C35" s="2" t="s">
        <v>23</v>
      </c>
      <c r="D35" s="4" t="s">
        <v>1758</v>
      </c>
      <c r="E35" s="2" t="s">
        <v>99</v>
      </c>
      <c r="F35" s="2" t="s">
        <v>180</v>
      </c>
      <c r="G35" s="8" t="s">
        <v>181</v>
      </c>
      <c r="H35" s="8" t="s">
        <v>27</v>
      </c>
      <c r="I35" s="2" t="s">
        <v>34</v>
      </c>
      <c r="J35" s="2" t="s">
        <v>182</v>
      </c>
      <c r="K35" s="2" t="s">
        <v>29</v>
      </c>
      <c r="L35" s="2" t="s">
        <v>30</v>
      </c>
      <c r="M35" s="2" t="s">
        <v>31</v>
      </c>
      <c r="N35" s="2" t="s">
        <v>183</v>
      </c>
      <c r="O35" s="2" t="s">
        <v>33</v>
      </c>
      <c r="P35" s="2" t="s">
        <v>34</v>
      </c>
      <c r="Q35" s="2" t="s">
        <v>34</v>
      </c>
      <c r="R35" s="2" t="s">
        <v>35</v>
      </c>
      <c r="S35" s="2" t="s">
        <v>184</v>
      </c>
      <c r="T35" s="2" t="s">
        <v>34</v>
      </c>
      <c r="U35" s="2" t="s">
        <v>34</v>
      </c>
      <c r="V35" s="2" t="s">
        <v>34</v>
      </c>
    </row>
    <row r="36" spans="1:22" x14ac:dyDescent="0.25">
      <c r="A36" s="2" t="s">
        <v>21</v>
      </c>
      <c r="B36" s="3" t="s">
        <v>22</v>
      </c>
      <c r="C36" s="2" t="s">
        <v>23</v>
      </c>
      <c r="D36" s="4" t="s">
        <v>1759</v>
      </c>
      <c r="E36" s="2" t="s">
        <v>186</v>
      </c>
      <c r="F36" s="2" t="s">
        <v>187</v>
      </c>
      <c r="G36" s="8" t="s">
        <v>45</v>
      </c>
      <c r="H36" s="8" t="s">
        <v>45</v>
      </c>
      <c r="I36" s="2" t="s">
        <v>34</v>
      </c>
      <c r="J36" s="2" t="s">
        <v>188</v>
      </c>
      <c r="K36" s="2" t="s">
        <v>29</v>
      </c>
      <c r="L36" s="2" t="s">
        <v>30</v>
      </c>
      <c r="M36" s="2" t="s">
        <v>31</v>
      </c>
      <c r="N36" s="2" t="s">
        <v>183</v>
      </c>
      <c r="O36" s="2" t="s">
        <v>189</v>
      </c>
      <c r="P36" s="2" t="s">
        <v>34</v>
      </c>
      <c r="Q36" s="2" t="s">
        <v>34</v>
      </c>
      <c r="R36" s="2" t="s">
        <v>35</v>
      </c>
      <c r="S36" s="2" t="s">
        <v>190</v>
      </c>
      <c r="T36" s="2" t="s">
        <v>34</v>
      </c>
      <c r="U36" s="2" t="s">
        <v>34</v>
      </c>
      <c r="V36" s="2" t="s">
        <v>34</v>
      </c>
    </row>
    <row r="37" spans="1:22" x14ac:dyDescent="0.25">
      <c r="A37" s="2" t="s">
        <v>21</v>
      </c>
      <c r="B37" s="3" t="s">
        <v>22</v>
      </c>
      <c r="C37" s="2" t="s">
        <v>23</v>
      </c>
      <c r="D37" s="4" t="s">
        <v>1760</v>
      </c>
      <c r="E37" s="2" t="s">
        <v>84</v>
      </c>
      <c r="F37" s="2" t="s">
        <v>192</v>
      </c>
      <c r="G37" s="8" t="s">
        <v>193</v>
      </c>
      <c r="H37" s="8" t="s">
        <v>86</v>
      </c>
      <c r="I37" s="2" t="s">
        <v>34</v>
      </c>
      <c r="J37" s="2" t="s">
        <v>194</v>
      </c>
      <c r="K37" s="2" t="s">
        <v>29</v>
      </c>
      <c r="L37" s="2" t="s">
        <v>30</v>
      </c>
      <c r="M37" s="2" t="s">
        <v>31</v>
      </c>
      <c r="N37" s="2" t="s">
        <v>49</v>
      </c>
      <c r="O37" s="2" t="s">
        <v>33</v>
      </c>
      <c r="P37" s="2" t="s">
        <v>34</v>
      </c>
      <c r="Q37" s="2" t="s">
        <v>34</v>
      </c>
      <c r="R37" s="2" t="s">
        <v>35</v>
      </c>
      <c r="S37" s="2" t="s">
        <v>195</v>
      </c>
      <c r="T37" s="2" t="s">
        <v>34</v>
      </c>
      <c r="U37" s="2" t="s">
        <v>34</v>
      </c>
      <c r="V37" s="2" t="s">
        <v>34</v>
      </c>
    </row>
    <row r="38" spans="1:22" x14ac:dyDescent="0.25">
      <c r="A38" s="2" t="s">
        <v>21</v>
      </c>
      <c r="B38" s="3" t="s">
        <v>22</v>
      </c>
      <c r="C38" s="2" t="s">
        <v>23</v>
      </c>
      <c r="D38" s="4" t="s">
        <v>1761</v>
      </c>
      <c r="E38" s="2" t="s">
        <v>197</v>
      </c>
      <c r="F38" s="2" t="s">
        <v>198</v>
      </c>
      <c r="G38" s="8" t="s">
        <v>147</v>
      </c>
      <c r="H38" s="8" t="s">
        <v>45</v>
      </c>
      <c r="I38" s="2" t="s">
        <v>199</v>
      </c>
      <c r="J38" s="2" t="s">
        <v>200</v>
      </c>
      <c r="K38" s="2" t="s">
        <v>29</v>
      </c>
      <c r="L38" s="2" t="s">
        <v>30</v>
      </c>
      <c r="M38" s="2" t="s">
        <v>31</v>
      </c>
      <c r="N38" s="2" t="s">
        <v>104</v>
      </c>
      <c r="O38" s="2" t="s">
        <v>33</v>
      </c>
      <c r="P38" s="2" t="s">
        <v>34</v>
      </c>
      <c r="Q38" s="2" t="s">
        <v>34</v>
      </c>
      <c r="R38" s="2" t="s">
        <v>35</v>
      </c>
      <c r="S38" s="2" t="s">
        <v>201</v>
      </c>
      <c r="T38" s="2" t="s">
        <v>34</v>
      </c>
      <c r="U38" s="2" t="s">
        <v>34</v>
      </c>
      <c r="V38" s="2" t="s">
        <v>34</v>
      </c>
    </row>
    <row r="39" spans="1:22" x14ac:dyDescent="0.25">
      <c r="A39" s="2" t="s">
        <v>21</v>
      </c>
      <c r="B39" s="3" t="s">
        <v>22</v>
      </c>
      <c r="C39" s="2" t="s">
        <v>23</v>
      </c>
      <c r="D39" s="4" t="s">
        <v>1762</v>
      </c>
      <c r="E39" s="2" t="s">
        <v>203</v>
      </c>
      <c r="F39" s="2" t="s">
        <v>34</v>
      </c>
      <c r="G39" s="8">
        <v>1</v>
      </c>
      <c r="H39" s="8">
        <v>0</v>
      </c>
      <c r="I39" s="2" t="s">
        <v>204</v>
      </c>
      <c r="J39" s="2" t="s">
        <v>205</v>
      </c>
      <c r="K39" s="2" t="s">
        <v>30</v>
      </c>
      <c r="L39" s="2" t="s">
        <v>30</v>
      </c>
      <c r="M39" s="2" t="s">
        <v>31</v>
      </c>
      <c r="N39" s="2" t="s">
        <v>206</v>
      </c>
      <c r="O39" s="2" t="s">
        <v>117</v>
      </c>
      <c r="P39" s="2" t="s">
        <v>34</v>
      </c>
      <c r="Q39" s="2" t="s">
        <v>34</v>
      </c>
      <c r="R39" s="2" t="s">
        <v>35</v>
      </c>
      <c r="S39" s="2" t="s">
        <v>207</v>
      </c>
      <c r="T39" s="2" t="s">
        <v>34</v>
      </c>
      <c r="U39" s="2" t="s">
        <v>34</v>
      </c>
      <c r="V39" s="2" t="s">
        <v>34</v>
      </c>
    </row>
    <row r="40" spans="1:22" x14ac:dyDescent="0.25">
      <c r="A40" s="2" t="s">
        <v>21</v>
      </c>
      <c r="B40" s="3" t="s">
        <v>22</v>
      </c>
      <c r="C40" s="2" t="s">
        <v>23</v>
      </c>
      <c r="D40" s="4" t="s">
        <v>1763</v>
      </c>
      <c r="E40" s="2" t="s">
        <v>209</v>
      </c>
      <c r="F40" s="2" t="s">
        <v>210</v>
      </c>
      <c r="G40" s="8" t="s">
        <v>211</v>
      </c>
      <c r="H40" s="8" t="s">
        <v>86</v>
      </c>
      <c r="I40" s="2" t="s">
        <v>34</v>
      </c>
      <c r="J40" s="2" t="s">
        <v>212</v>
      </c>
      <c r="K40" s="2" t="s">
        <v>29</v>
      </c>
      <c r="L40" s="2" t="s">
        <v>30</v>
      </c>
      <c r="M40" s="2" t="s">
        <v>31</v>
      </c>
      <c r="N40" s="2" t="s">
        <v>183</v>
      </c>
      <c r="O40" s="2" t="s">
        <v>189</v>
      </c>
      <c r="P40" s="2" t="s">
        <v>34</v>
      </c>
      <c r="Q40" s="2" t="s">
        <v>34</v>
      </c>
      <c r="R40" s="2" t="s">
        <v>35</v>
      </c>
      <c r="S40" s="2" t="s">
        <v>213</v>
      </c>
      <c r="T40" s="2" t="s">
        <v>34</v>
      </c>
      <c r="U40" s="2" t="s">
        <v>34</v>
      </c>
      <c r="V40" s="2" t="s">
        <v>34</v>
      </c>
    </row>
    <row r="41" spans="1:22" x14ac:dyDescent="0.25">
      <c r="A41" s="2" t="s">
        <v>21</v>
      </c>
      <c r="B41" s="3" t="s">
        <v>22</v>
      </c>
      <c r="C41" s="2" t="s">
        <v>23</v>
      </c>
      <c r="D41" s="4" t="s">
        <v>1764</v>
      </c>
      <c r="E41" s="2" t="s">
        <v>215</v>
      </c>
      <c r="F41" s="2" t="s">
        <v>216</v>
      </c>
      <c r="G41" s="8" t="s">
        <v>217</v>
      </c>
      <c r="H41" s="8" t="s">
        <v>86</v>
      </c>
      <c r="I41" s="2" t="s">
        <v>218</v>
      </c>
      <c r="J41" s="2" t="s">
        <v>219</v>
      </c>
      <c r="K41" s="2" t="s">
        <v>29</v>
      </c>
      <c r="L41" s="2" t="s">
        <v>30</v>
      </c>
      <c r="M41" s="2" t="s">
        <v>31</v>
      </c>
      <c r="N41" s="2" t="s">
        <v>220</v>
      </c>
      <c r="O41" s="2" t="s">
        <v>189</v>
      </c>
      <c r="P41" s="2" t="s">
        <v>34</v>
      </c>
      <c r="Q41" s="2" t="s">
        <v>34</v>
      </c>
      <c r="R41" s="2" t="s">
        <v>35</v>
      </c>
      <c r="S41" s="2" t="s">
        <v>221</v>
      </c>
      <c r="T41" s="2" t="s">
        <v>34</v>
      </c>
      <c r="U41" s="2" t="s">
        <v>34</v>
      </c>
      <c r="V41" s="2" t="s">
        <v>34</v>
      </c>
    </row>
    <row r="42" spans="1:22" x14ac:dyDescent="0.25">
      <c r="A42" s="2" t="s">
        <v>21</v>
      </c>
      <c r="B42" s="3" t="s">
        <v>22</v>
      </c>
      <c r="C42" s="2" t="s">
        <v>23</v>
      </c>
      <c r="D42" s="4" t="s">
        <v>1765</v>
      </c>
      <c r="E42" s="2" t="s">
        <v>223</v>
      </c>
      <c r="F42" s="2" t="s">
        <v>224</v>
      </c>
      <c r="G42" s="8" t="s">
        <v>133</v>
      </c>
      <c r="H42" s="8" t="s">
        <v>45</v>
      </c>
      <c r="I42" s="2" t="s">
        <v>34</v>
      </c>
      <c r="J42" s="2" t="s">
        <v>225</v>
      </c>
      <c r="K42" s="2" t="s">
        <v>29</v>
      </c>
      <c r="L42" s="2" t="s">
        <v>30</v>
      </c>
      <c r="M42" s="2" t="s">
        <v>31</v>
      </c>
      <c r="N42" s="2" t="s">
        <v>49</v>
      </c>
      <c r="O42" s="2" t="s">
        <v>33</v>
      </c>
      <c r="P42" s="2" t="s">
        <v>34</v>
      </c>
      <c r="Q42" s="2" t="s">
        <v>34</v>
      </c>
      <c r="R42" s="2" t="s">
        <v>35</v>
      </c>
      <c r="S42" s="2" t="s">
        <v>226</v>
      </c>
      <c r="T42" s="2" t="s">
        <v>34</v>
      </c>
      <c r="U42" s="2" t="s">
        <v>34</v>
      </c>
      <c r="V42" s="2" t="s">
        <v>34</v>
      </c>
    </row>
    <row r="43" spans="1:22" x14ac:dyDescent="0.25">
      <c r="A43" s="2" t="s">
        <v>21</v>
      </c>
      <c r="B43" s="3" t="s">
        <v>22</v>
      </c>
      <c r="C43" s="2" t="s">
        <v>23</v>
      </c>
      <c r="D43" s="4" t="s">
        <v>1766</v>
      </c>
      <c r="E43" s="2" t="s">
        <v>228</v>
      </c>
      <c r="F43" s="2" t="s">
        <v>229</v>
      </c>
      <c r="G43" s="8" t="s">
        <v>45</v>
      </c>
      <c r="H43" s="8" t="s">
        <v>45</v>
      </c>
      <c r="I43" s="2" t="s">
        <v>230</v>
      </c>
      <c r="J43" s="2" t="s">
        <v>1767</v>
      </c>
      <c r="K43" s="2" t="s">
        <v>29</v>
      </c>
      <c r="L43" s="2" t="s">
        <v>231</v>
      </c>
      <c r="M43" s="2" t="s">
        <v>116</v>
      </c>
      <c r="N43" s="2" t="s">
        <v>220</v>
      </c>
      <c r="O43" s="2" t="s">
        <v>33</v>
      </c>
      <c r="P43" s="2" t="s">
        <v>34</v>
      </c>
      <c r="Q43" s="2" t="s">
        <v>34</v>
      </c>
      <c r="R43" s="2" t="s">
        <v>35</v>
      </c>
      <c r="S43" s="2" t="s">
        <v>232</v>
      </c>
      <c r="T43" s="2" t="s">
        <v>34</v>
      </c>
      <c r="U43" s="2" t="s">
        <v>34</v>
      </c>
      <c r="V43" s="2" t="s">
        <v>34</v>
      </c>
    </row>
    <row r="44" spans="1:22" x14ac:dyDescent="0.25">
      <c r="A44" s="2" t="s">
        <v>21</v>
      </c>
      <c r="B44" s="3" t="s">
        <v>22</v>
      </c>
      <c r="C44" s="2" t="s">
        <v>23</v>
      </c>
      <c r="D44" s="4" t="s">
        <v>1768</v>
      </c>
      <c r="E44" s="2" t="s">
        <v>84</v>
      </c>
      <c r="F44" s="2" t="s">
        <v>234</v>
      </c>
      <c r="G44" s="8" t="s">
        <v>235</v>
      </c>
      <c r="H44" s="8" t="s">
        <v>86</v>
      </c>
      <c r="I44" s="2" t="s">
        <v>34</v>
      </c>
      <c r="J44" s="2" t="s">
        <v>236</v>
      </c>
      <c r="K44" s="2" t="s">
        <v>29</v>
      </c>
      <c r="L44" s="2" t="s">
        <v>30</v>
      </c>
      <c r="M44" s="2" t="s">
        <v>31</v>
      </c>
      <c r="N44" s="2" t="s">
        <v>49</v>
      </c>
      <c r="O44" s="2" t="s">
        <v>33</v>
      </c>
      <c r="P44" s="2" t="s">
        <v>34</v>
      </c>
      <c r="Q44" s="2" t="s">
        <v>34</v>
      </c>
      <c r="R44" s="2" t="s">
        <v>35</v>
      </c>
      <c r="S44" s="2" t="s">
        <v>237</v>
      </c>
      <c r="T44" s="2" t="s">
        <v>34</v>
      </c>
      <c r="U44" s="2" t="s">
        <v>34</v>
      </c>
      <c r="V44" s="2" t="s">
        <v>34</v>
      </c>
    </row>
    <row r="45" spans="1:22" x14ac:dyDescent="0.25">
      <c r="A45" s="2" t="s">
        <v>21</v>
      </c>
      <c r="B45" s="3" t="s">
        <v>22</v>
      </c>
      <c r="C45" s="2" t="s">
        <v>23</v>
      </c>
      <c r="D45" s="4" t="s">
        <v>1769</v>
      </c>
      <c r="E45" s="2" t="s">
        <v>197</v>
      </c>
      <c r="F45" s="2" t="s">
        <v>239</v>
      </c>
      <c r="G45" s="8" t="s">
        <v>240</v>
      </c>
      <c r="H45" s="8" t="s">
        <v>27</v>
      </c>
      <c r="I45" s="2" t="s">
        <v>241</v>
      </c>
      <c r="J45" s="2" t="s">
        <v>242</v>
      </c>
      <c r="K45" s="2" t="s">
        <v>29</v>
      </c>
      <c r="L45" s="2" t="s">
        <v>30</v>
      </c>
      <c r="M45" s="2" t="s">
        <v>31</v>
      </c>
      <c r="N45" s="2" t="s">
        <v>183</v>
      </c>
      <c r="O45" s="2" t="s">
        <v>33</v>
      </c>
      <c r="P45" s="2" t="s">
        <v>34</v>
      </c>
      <c r="Q45" s="2" t="s">
        <v>34</v>
      </c>
      <c r="R45" s="2" t="s">
        <v>35</v>
      </c>
      <c r="S45" s="2" t="s">
        <v>243</v>
      </c>
      <c r="T45" s="2" t="s">
        <v>34</v>
      </c>
      <c r="U45" s="2" t="s">
        <v>34</v>
      </c>
      <c r="V45" s="2" t="s">
        <v>34</v>
      </c>
    </row>
    <row r="46" spans="1:22" x14ac:dyDescent="0.25">
      <c r="A46" s="2" t="s">
        <v>21</v>
      </c>
      <c r="B46" s="3" t="s">
        <v>22</v>
      </c>
      <c r="C46" s="2" t="s">
        <v>23</v>
      </c>
      <c r="D46" s="4" t="s">
        <v>1770</v>
      </c>
      <c r="E46" s="2" t="s">
        <v>245</v>
      </c>
      <c r="F46" s="2" t="s">
        <v>246</v>
      </c>
      <c r="G46" s="8" t="s">
        <v>45</v>
      </c>
      <c r="H46" s="8" t="s">
        <v>45</v>
      </c>
      <c r="I46" s="2" t="s">
        <v>247</v>
      </c>
      <c r="J46" s="2" t="s">
        <v>248</v>
      </c>
      <c r="K46" s="2" t="s">
        <v>29</v>
      </c>
      <c r="L46" s="2" t="s">
        <v>30</v>
      </c>
      <c r="M46" s="2" t="s">
        <v>116</v>
      </c>
      <c r="N46" s="2" t="s">
        <v>183</v>
      </c>
      <c r="O46" s="2" t="s">
        <v>249</v>
      </c>
      <c r="P46" s="2" t="s">
        <v>34</v>
      </c>
      <c r="Q46" s="2" t="s">
        <v>34</v>
      </c>
      <c r="R46" s="2" t="s">
        <v>35</v>
      </c>
      <c r="S46" s="2" t="s">
        <v>250</v>
      </c>
      <c r="T46" s="2" t="s">
        <v>34</v>
      </c>
      <c r="U46" s="2" t="s">
        <v>34</v>
      </c>
      <c r="V46" s="2" t="s">
        <v>34</v>
      </c>
    </row>
    <row r="47" spans="1:22" x14ac:dyDescent="0.25">
      <c r="A47" s="2" t="s">
        <v>21</v>
      </c>
      <c r="B47" s="3" t="s">
        <v>22</v>
      </c>
      <c r="C47" s="2" t="s">
        <v>23</v>
      </c>
      <c r="D47" s="4" t="s">
        <v>1771</v>
      </c>
      <c r="E47" s="2" t="s">
        <v>245</v>
      </c>
      <c r="F47" s="2" t="s">
        <v>252</v>
      </c>
      <c r="G47" s="8" t="s">
        <v>27</v>
      </c>
      <c r="H47" s="8" t="s">
        <v>45</v>
      </c>
      <c r="I47" s="2" t="s">
        <v>247</v>
      </c>
      <c r="J47" s="2" t="s">
        <v>253</v>
      </c>
      <c r="K47" s="2" t="s">
        <v>29</v>
      </c>
      <c r="L47" s="2" t="s">
        <v>30</v>
      </c>
      <c r="M47" s="2" t="s">
        <v>116</v>
      </c>
      <c r="N47" s="2" t="s">
        <v>183</v>
      </c>
      <c r="O47" s="2" t="s">
        <v>249</v>
      </c>
      <c r="P47" s="2" t="s">
        <v>34</v>
      </c>
      <c r="Q47" s="2" t="s">
        <v>34</v>
      </c>
      <c r="R47" s="2" t="s">
        <v>35</v>
      </c>
      <c r="S47" s="2" t="s">
        <v>254</v>
      </c>
      <c r="T47" s="2" t="s">
        <v>34</v>
      </c>
      <c r="U47" s="2" t="s">
        <v>34</v>
      </c>
      <c r="V47" s="2" t="s">
        <v>34</v>
      </c>
    </row>
    <row r="48" spans="1:22" x14ac:dyDescent="0.25">
      <c r="A48" s="2" t="s">
        <v>21</v>
      </c>
      <c r="B48" s="3" t="s">
        <v>22</v>
      </c>
      <c r="C48" s="2" t="s">
        <v>23</v>
      </c>
      <c r="D48" s="4" t="s">
        <v>1291</v>
      </c>
      <c r="E48" s="2" t="s">
        <v>245</v>
      </c>
      <c r="F48" s="2" t="s">
        <v>256</v>
      </c>
      <c r="G48" s="8" t="s">
        <v>86</v>
      </c>
      <c r="H48" s="8" t="s">
        <v>45</v>
      </c>
      <c r="I48" s="2" t="s">
        <v>247</v>
      </c>
      <c r="J48" s="2" t="s">
        <v>257</v>
      </c>
      <c r="K48" s="2" t="s">
        <v>29</v>
      </c>
      <c r="L48" s="2" t="s">
        <v>30</v>
      </c>
      <c r="M48" s="2" t="s">
        <v>116</v>
      </c>
      <c r="N48" s="2" t="s">
        <v>183</v>
      </c>
      <c r="O48" s="2" t="s">
        <v>249</v>
      </c>
      <c r="P48" s="2" t="s">
        <v>34</v>
      </c>
      <c r="Q48" s="2" t="s">
        <v>34</v>
      </c>
      <c r="R48" s="2" t="s">
        <v>35</v>
      </c>
      <c r="S48" s="2" t="s">
        <v>258</v>
      </c>
      <c r="T48" s="2" t="s">
        <v>34</v>
      </c>
      <c r="U48" s="2" t="s">
        <v>34</v>
      </c>
      <c r="V48" s="2" t="s">
        <v>34</v>
      </c>
    </row>
    <row r="49" spans="1:22" x14ac:dyDescent="0.25">
      <c r="A49" s="2" t="s">
        <v>21</v>
      </c>
      <c r="B49" s="3" t="s">
        <v>22</v>
      </c>
      <c r="C49" s="2" t="s">
        <v>23</v>
      </c>
      <c r="D49" s="4" t="s">
        <v>1772</v>
      </c>
      <c r="E49" s="2" t="s">
        <v>245</v>
      </c>
      <c r="F49" s="2" t="s">
        <v>260</v>
      </c>
      <c r="G49" s="8" t="s">
        <v>133</v>
      </c>
      <c r="H49" s="8" t="s">
        <v>45</v>
      </c>
      <c r="I49" s="2" t="s">
        <v>247</v>
      </c>
      <c r="J49" s="2" t="s">
        <v>261</v>
      </c>
      <c r="K49" s="2" t="s">
        <v>29</v>
      </c>
      <c r="L49" s="2" t="s">
        <v>30</v>
      </c>
      <c r="M49" s="2" t="s">
        <v>116</v>
      </c>
      <c r="N49" s="2" t="s">
        <v>183</v>
      </c>
      <c r="O49" s="2" t="s">
        <v>249</v>
      </c>
      <c r="P49" s="2" t="s">
        <v>34</v>
      </c>
      <c r="Q49" s="2" t="s">
        <v>34</v>
      </c>
      <c r="R49" s="2" t="s">
        <v>35</v>
      </c>
      <c r="S49" s="2" t="s">
        <v>262</v>
      </c>
      <c r="T49" s="2" t="s">
        <v>34</v>
      </c>
      <c r="U49" s="2" t="s">
        <v>34</v>
      </c>
      <c r="V49" s="2" t="s">
        <v>34</v>
      </c>
    </row>
    <row r="50" spans="1:22" x14ac:dyDescent="0.25">
      <c r="A50" s="2" t="s">
        <v>21</v>
      </c>
      <c r="B50" s="3" t="s">
        <v>22</v>
      </c>
      <c r="C50" s="2" t="s">
        <v>23</v>
      </c>
      <c r="D50" s="4" t="s">
        <v>1773</v>
      </c>
      <c r="E50" s="2" t="s">
        <v>228</v>
      </c>
      <c r="F50" s="2" t="s">
        <v>264</v>
      </c>
      <c r="G50" s="8" t="s">
        <v>108</v>
      </c>
      <c r="H50" s="8" t="s">
        <v>45</v>
      </c>
      <c r="I50" s="2" t="s">
        <v>230</v>
      </c>
      <c r="J50" s="2" t="s">
        <v>265</v>
      </c>
      <c r="K50" s="2" t="s">
        <v>29</v>
      </c>
      <c r="L50" s="2" t="s">
        <v>231</v>
      </c>
      <c r="M50" s="2" t="s">
        <v>116</v>
      </c>
      <c r="N50" s="2" t="s">
        <v>220</v>
      </c>
      <c r="O50" s="2" t="s">
        <v>33</v>
      </c>
      <c r="P50" s="2" t="s">
        <v>34</v>
      </c>
      <c r="Q50" s="2" t="s">
        <v>34</v>
      </c>
      <c r="R50" s="2" t="s">
        <v>35</v>
      </c>
      <c r="S50" s="2" t="s">
        <v>266</v>
      </c>
      <c r="T50" s="2" t="s">
        <v>34</v>
      </c>
      <c r="U50" s="2" t="s">
        <v>34</v>
      </c>
      <c r="V50" s="2" t="s">
        <v>34</v>
      </c>
    </row>
    <row r="51" spans="1:22" x14ac:dyDescent="0.25">
      <c r="A51" s="2" t="s">
        <v>21</v>
      </c>
      <c r="B51" s="3" t="s">
        <v>22</v>
      </c>
      <c r="C51" s="2" t="s">
        <v>23</v>
      </c>
      <c r="D51" s="4" t="s">
        <v>1774</v>
      </c>
      <c r="E51" s="2" t="s">
        <v>228</v>
      </c>
      <c r="F51" s="2" t="s">
        <v>1775</v>
      </c>
      <c r="G51" s="8" t="s">
        <v>453</v>
      </c>
      <c r="H51" s="8" t="s">
        <v>27</v>
      </c>
      <c r="I51" s="2" t="s">
        <v>425</v>
      </c>
      <c r="J51" s="2" t="s">
        <v>1776</v>
      </c>
      <c r="K51" s="2" t="s">
        <v>29</v>
      </c>
      <c r="L51" s="2" t="s">
        <v>34</v>
      </c>
      <c r="M51" s="2" t="s">
        <v>116</v>
      </c>
      <c r="N51" s="2" t="s">
        <v>104</v>
      </c>
      <c r="O51" s="2" t="s">
        <v>33</v>
      </c>
      <c r="P51" s="2" t="s">
        <v>34</v>
      </c>
      <c r="Q51" s="2" t="s">
        <v>34</v>
      </c>
      <c r="R51" s="2" t="s">
        <v>35</v>
      </c>
      <c r="S51" s="2" t="s">
        <v>1777</v>
      </c>
      <c r="T51" s="2" t="s">
        <v>34</v>
      </c>
      <c r="U51" s="2" t="s">
        <v>34</v>
      </c>
      <c r="V51" s="2" t="s">
        <v>34</v>
      </c>
    </row>
    <row r="52" spans="1:22" x14ac:dyDescent="0.25">
      <c r="A52" s="2" t="s">
        <v>21</v>
      </c>
      <c r="B52" s="3" t="s">
        <v>22</v>
      </c>
      <c r="C52" s="2" t="s">
        <v>23</v>
      </c>
      <c r="D52" s="4" t="s">
        <v>1778</v>
      </c>
      <c r="E52" s="2" t="s">
        <v>228</v>
      </c>
      <c r="F52" s="2" t="s">
        <v>1779</v>
      </c>
      <c r="G52" s="8" t="s">
        <v>458</v>
      </c>
      <c r="H52" s="8" t="s">
        <v>27</v>
      </c>
      <c r="I52" s="2" t="s">
        <v>425</v>
      </c>
      <c r="J52" s="2" t="s">
        <v>1780</v>
      </c>
      <c r="K52" s="2" t="s">
        <v>29</v>
      </c>
      <c r="L52" s="2" t="s">
        <v>34</v>
      </c>
      <c r="M52" s="2" t="s">
        <v>116</v>
      </c>
      <c r="N52" s="2" t="s">
        <v>104</v>
      </c>
      <c r="O52" s="2" t="s">
        <v>33</v>
      </c>
      <c r="P52" s="2" t="s">
        <v>34</v>
      </c>
      <c r="Q52" s="2" t="s">
        <v>34</v>
      </c>
      <c r="R52" s="2" t="s">
        <v>35</v>
      </c>
      <c r="S52" s="2" t="s">
        <v>1781</v>
      </c>
      <c r="T52" s="2" t="s">
        <v>34</v>
      </c>
      <c r="U52" s="2" t="s">
        <v>34</v>
      </c>
      <c r="V52" s="2"/>
    </row>
    <row r="53" spans="1:22" x14ac:dyDescent="0.25">
      <c r="A53" s="2"/>
      <c r="B53" s="3"/>
      <c r="C53" s="2"/>
      <c r="D53" s="4"/>
      <c r="E53" s="5" t="s">
        <v>267</v>
      </c>
      <c r="F53" s="2"/>
      <c r="I53" s="2"/>
      <c r="J53" s="2"/>
      <c r="K53" s="2"/>
      <c r="L53" s="2"/>
      <c r="M53" s="2"/>
      <c r="N53" s="2"/>
      <c r="O53" s="2"/>
      <c r="P53" s="2"/>
      <c r="Q53" s="2"/>
      <c r="R53" s="2"/>
      <c r="S53" s="2"/>
      <c r="T53" s="2"/>
      <c r="U53" s="2"/>
      <c r="V53" s="2"/>
    </row>
    <row r="54" spans="1:22" x14ac:dyDescent="0.25">
      <c r="A54" s="2"/>
      <c r="B54" s="3"/>
      <c r="C54" s="2"/>
      <c r="D54" s="4"/>
      <c r="E54" s="5"/>
      <c r="F54" s="2"/>
      <c r="I54" s="2"/>
      <c r="J54" s="2"/>
      <c r="K54" s="2"/>
      <c r="L54" s="2"/>
      <c r="M54" s="2"/>
      <c r="N54" s="2"/>
      <c r="O54" s="2"/>
      <c r="P54" s="2"/>
      <c r="Q54" s="2"/>
      <c r="R54" s="2"/>
      <c r="S54" s="2"/>
      <c r="T54" s="2"/>
      <c r="U54" s="2"/>
      <c r="V54" s="2" t="s">
        <v>34</v>
      </c>
    </row>
    <row r="55" spans="1:22" x14ac:dyDescent="0.25">
      <c r="A55" s="2" t="s">
        <v>21</v>
      </c>
      <c r="B55" s="3" t="s">
        <v>268</v>
      </c>
      <c r="C55" s="2" t="s">
        <v>269</v>
      </c>
      <c r="D55" s="4" t="s">
        <v>24</v>
      </c>
      <c r="E55" s="2" t="s">
        <v>25</v>
      </c>
      <c r="F55" s="2" t="s">
        <v>270</v>
      </c>
      <c r="G55" s="8" t="s">
        <v>235</v>
      </c>
      <c r="H55" s="8" t="s">
        <v>27</v>
      </c>
      <c r="I55" s="2" t="s">
        <v>28</v>
      </c>
      <c r="J55" s="2" t="s">
        <v>271</v>
      </c>
      <c r="K55" s="2" t="s">
        <v>29</v>
      </c>
      <c r="L55" s="2" t="s">
        <v>30</v>
      </c>
      <c r="M55" s="2" t="s">
        <v>31</v>
      </c>
      <c r="N55" s="2" t="s">
        <v>32</v>
      </c>
      <c r="O55" s="2" t="s">
        <v>33</v>
      </c>
      <c r="P55" s="2" t="s">
        <v>34</v>
      </c>
      <c r="Q55" s="2" t="s">
        <v>34</v>
      </c>
      <c r="R55" s="2" t="s">
        <v>35</v>
      </c>
      <c r="S55" s="2" t="s">
        <v>272</v>
      </c>
      <c r="T55" s="2" t="s">
        <v>34</v>
      </c>
      <c r="U55" s="2" t="s">
        <v>34</v>
      </c>
      <c r="V55" s="2" t="s">
        <v>34</v>
      </c>
    </row>
    <row r="56" spans="1:22" x14ac:dyDescent="0.25">
      <c r="A56" s="2" t="s">
        <v>21</v>
      </c>
      <c r="B56" s="3" t="s">
        <v>268</v>
      </c>
      <c r="C56" s="2" t="s">
        <v>269</v>
      </c>
      <c r="D56" s="4" t="s">
        <v>36</v>
      </c>
      <c r="E56" s="2" t="s">
        <v>25</v>
      </c>
      <c r="F56" s="2" t="s">
        <v>273</v>
      </c>
      <c r="G56" s="8" t="s">
        <v>274</v>
      </c>
      <c r="H56" s="8" t="s">
        <v>27</v>
      </c>
      <c r="I56" s="2" t="s">
        <v>401</v>
      </c>
      <c r="J56" s="2" t="s">
        <v>276</v>
      </c>
      <c r="K56" s="2" t="s">
        <v>29</v>
      </c>
      <c r="L56" s="2" t="s">
        <v>30</v>
      </c>
      <c r="M56" s="2" t="s">
        <v>31</v>
      </c>
      <c r="N56" s="2" t="s">
        <v>32</v>
      </c>
      <c r="O56" s="2" t="s">
        <v>33</v>
      </c>
      <c r="P56" s="2" t="s">
        <v>34</v>
      </c>
      <c r="Q56" s="2" t="s">
        <v>34</v>
      </c>
      <c r="R56" s="2" t="s">
        <v>35</v>
      </c>
      <c r="S56" s="2" t="s">
        <v>277</v>
      </c>
      <c r="T56" s="2" t="s">
        <v>34</v>
      </c>
      <c r="U56" s="2" t="s">
        <v>34</v>
      </c>
      <c r="V56" s="2" t="s">
        <v>34</v>
      </c>
    </row>
    <row r="57" spans="1:22" x14ac:dyDescent="0.25">
      <c r="A57" s="2" t="s">
        <v>21</v>
      </c>
      <c r="B57" s="3" t="s">
        <v>268</v>
      </c>
      <c r="C57" s="2" t="s">
        <v>269</v>
      </c>
      <c r="D57" s="4" t="s">
        <v>1782</v>
      </c>
      <c r="E57" s="2" t="s">
        <v>42</v>
      </c>
      <c r="F57" s="2" t="s">
        <v>146</v>
      </c>
      <c r="G57" s="8" t="s">
        <v>147</v>
      </c>
      <c r="H57" s="8" t="s">
        <v>45</v>
      </c>
      <c r="I57" s="2" t="s">
        <v>46</v>
      </c>
      <c r="J57" s="2" t="s">
        <v>148</v>
      </c>
      <c r="K57" s="2" t="s">
        <v>29</v>
      </c>
      <c r="L57" s="2" t="s">
        <v>30</v>
      </c>
      <c r="M57" s="2" t="s">
        <v>48</v>
      </c>
      <c r="N57" s="2" t="s">
        <v>49</v>
      </c>
      <c r="O57" s="2" t="s">
        <v>50</v>
      </c>
      <c r="P57" s="2" t="s">
        <v>34</v>
      </c>
      <c r="Q57" s="2" t="s">
        <v>34</v>
      </c>
      <c r="R57" s="2" t="s">
        <v>35</v>
      </c>
      <c r="S57" s="2" t="s">
        <v>149</v>
      </c>
      <c r="T57" s="2" t="s">
        <v>34</v>
      </c>
      <c r="U57" s="2" t="s">
        <v>34</v>
      </c>
      <c r="V57" s="2" t="s">
        <v>34</v>
      </c>
    </row>
    <row r="58" spans="1:22" x14ac:dyDescent="0.25">
      <c r="A58" s="2" t="s">
        <v>21</v>
      </c>
      <c r="B58" s="3" t="s">
        <v>268</v>
      </c>
      <c r="C58" s="2" t="s">
        <v>269</v>
      </c>
      <c r="D58" s="4" t="s">
        <v>1783</v>
      </c>
      <c r="E58" s="2" t="s">
        <v>42</v>
      </c>
      <c r="F58" s="2" t="s">
        <v>278</v>
      </c>
      <c r="G58" s="8" t="s">
        <v>279</v>
      </c>
      <c r="H58" s="8" t="s">
        <v>45</v>
      </c>
      <c r="I58" s="2" t="s">
        <v>46</v>
      </c>
      <c r="J58" s="2" t="s">
        <v>280</v>
      </c>
      <c r="K58" s="2" t="s">
        <v>29</v>
      </c>
      <c r="L58" s="2" t="s">
        <v>30</v>
      </c>
      <c r="M58" s="2" t="s">
        <v>48</v>
      </c>
      <c r="N58" s="2" t="s">
        <v>49</v>
      </c>
      <c r="O58" s="2" t="s">
        <v>50</v>
      </c>
      <c r="P58" s="2" t="s">
        <v>34</v>
      </c>
      <c r="Q58" s="2" t="s">
        <v>34</v>
      </c>
      <c r="R58" s="2" t="s">
        <v>35</v>
      </c>
      <c r="S58" s="2" t="s">
        <v>281</v>
      </c>
      <c r="T58" s="2" t="s">
        <v>34</v>
      </c>
      <c r="U58" s="2" t="s">
        <v>34</v>
      </c>
      <c r="V58" s="2" t="s">
        <v>34</v>
      </c>
    </row>
    <row r="59" spans="1:22" x14ac:dyDescent="0.25">
      <c r="A59" s="2" t="s">
        <v>21</v>
      </c>
      <c r="B59" s="3" t="s">
        <v>268</v>
      </c>
      <c r="C59" s="2" t="s">
        <v>269</v>
      </c>
      <c r="D59" s="4" t="s">
        <v>1784</v>
      </c>
      <c r="E59" s="2" t="s">
        <v>42</v>
      </c>
      <c r="F59" s="2" t="s">
        <v>151</v>
      </c>
      <c r="G59" s="8" t="s">
        <v>152</v>
      </c>
      <c r="H59" s="8" t="s">
        <v>45</v>
      </c>
      <c r="I59" s="2" t="s">
        <v>46</v>
      </c>
      <c r="J59" s="2" t="s">
        <v>153</v>
      </c>
      <c r="K59" s="2" t="s">
        <v>29</v>
      </c>
      <c r="L59" s="2" t="s">
        <v>30</v>
      </c>
      <c r="M59" s="2" t="s">
        <v>48</v>
      </c>
      <c r="N59" s="2" t="s">
        <v>49</v>
      </c>
      <c r="O59" s="2" t="s">
        <v>50</v>
      </c>
      <c r="P59" s="2" t="s">
        <v>34</v>
      </c>
      <c r="Q59" s="2" t="s">
        <v>34</v>
      </c>
      <c r="R59" s="2" t="s">
        <v>35</v>
      </c>
      <c r="S59" s="2" t="s">
        <v>154</v>
      </c>
      <c r="T59" s="2" t="s">
        <v>34</v>
      </c>
      <c r="U59" s="2" t="s">
        <v>34</v>
      </c>
      <c r="V59" s="2" t="s">
        <v>34</v>
      </c>
    </row>
    <row r="60" spans="1:22" x14ac:dyDescent="0.25">
      <c r="A60" s="2" t="s">
        <v>21</v>
      </c>
      <c r="B60" s="3" t="s">
        <v>268</v>
      </c>
      <c r="C60" s="2" t="s">
        <v>269</v>
      </c>
      <c r="D60" s="4" t="s">
        <v>1785</v>
      </c>
      <c r="E60" s="2" t="s">
        <v>42</v>
      </c>
      <c r="F60" s="2" t="s">
        <v>156</v>
      </c>
      <c r="G60" s="8" t="s">
        <v>157</v>
      </c>
      <c r="H60" s="8" t="s">
        <v>45</v>
      </c>
      <c r="I60" s="2" t="s">
        <v>46</v>
      </c>
      <c r="J60" s="2" t="s">
        <v>158</v>
      </c>
      <c r="K60" s="2" t="s">
        <v>29</v>
      </c>
      <c r="L60" s="2" t="s">
        <v>30</v>
      </c>
      <c r="M60" s="2" t="s">
        <v>48</v>
      </c>
      <c r="N60" s="2" t="s">
        <v>49</v>
      </c>
      <c r="O60" s="2" t="s">
        <v>50</v>
      </c>
      <c r="P60" s="2" t="s">
        <v>34</v>
      </c>
      <c r="Q60" s="2" t="s">
        <v>34</v>
      </c>
      <c r="R60" s="2" t="s">
        <v>35</v>
      </c>
      <c r="S60" s="2" t="s">
        <v>159</v>
      </c>
      <c r="T60" s="2" t="s">
        <v>34</v>
      </c>
      <c r="U60" s="2" t="s">
        <v>34</v>
      </c>
      <c r="V60" s="2" t="s">
        <v>34</v>
      </c>
    </row>
    <row r="61" spans="1:22" x14ac:dyDescent="0.25">
      <c r="A61" s="2" t="s">
        <v>21</v>
      </c>
      <c r="B61" s="3" t="s">
        <v>268</v>
      </c>
      <c r="C61" s="2" t="s">
        <v>269</v>
      </c>
      <c r="D61" s="4" t="s">
        <v>1786</v>
      </c>
      <c r="E61" s="2" t="s">
        <v>42</v>
      </c>
      <c r="F61" s="2" t="s">
        <v>161</v>
      </c>
      <c r="G61" s="8" t="s">
        <v>162</v>
      </c>
      <c r="H61" s="8" t="s">
        <v>45</v>
      </c>
      <c r="I61" s="2" t="s">
        <v>46</v>
      </c>
      <c r="J61" s="2" t="s">
        <v>163</v>
      </c>
      <c r="K61" s="2" t="s">
        <v>29</v>
      </c>
      <c r="L61" s="2" t="s">
        <v>30</v>
      </c>
      <c r="M61" s="2" t="s">
        <v>48</v>
      </c>
      <c r="N61" s="2" t="s">
        <v>49</v>
      </c>
      <c r="O61" s="2" t="s">
        <v>50</v>
      </c>
      <c r="P61" s="2" t="s">
        <v>34</v>
      </c>
      <c r="Q61" s="2" t="s">
        <v>34</v>
      </c>
      <c r="R61" s="2" t="s">
        <v>35</v>
      </c>
      <c r="S61" s="2" t="s">
        <v>164</v>
      </c>
      <c r="T61" s="2" t="s">
        <v>34</v>
      </c>
      <c r="U61" s="2" t="s">
        <v>34</v>
      </c>
      <c r="V61" s="2" t="s">
        <v>34</v>
      </c>
    </row>
    <row r="62" spans="1:22" x14ac:dyDescent="0.25">
      <c r="A62" s="2" t="s">
        <v>21</v>
      </c>
      <c r="B62" s="3" t="s">
        <v>268</v>
      </c>
      <c r="C62" s="2" t="s">
        <v>269</v>
      </c>
      <c r="D62" s="4" t="s">
        <v>1787</v>
      </c>
      <c r="E62" s="2" t="s">
        <v>42</v>
      </c>
      <c r="F62" s="2" t="s">
        <v>166</v>
      </c>
      <c r="G62" s="8" t="s">
        <v>167</v>
      </c>
      <c r="H62" s="8" t="s">
        <v>45</v>
      </c>
      <c r="I62" s="2" t="s">
        <v>55</v>
      </c>
      <c r="J62" s="2" t="s">
        <v>168</v>
      </c>
      <c r="K62" s="2" t="s">
        <v>29</v>
      </c>
      <c r="L62" s="2" t="s">
        <v>30</v>
      </c>
      <c r="M62" s="2" t="s">
        <v>48</v>
      </c>
      <c r="N62" s="2" t="s">
        <v>49</v>
      </c>
      <c r="O62" s="2" t="s">
        <v>50</v>
      </c>
      <c r="P62" s="2" t="s">
        <v>34</v>
      </c>
      <c r="Q62" s="2" t="s">
        <v>34</v>
      </c>
      <c r="R62" s="2" t="s">
        <v>35</v>
      </c>
      <c r="S62" s="2" t="s">
        <v>169</v>
      </c>
      <c r="T62" s="2" t="s">
        <v>34</v>
      </c>
      <c r="U62" s="2" t="s">
        <v>34</v>
      </c>
      <c r="V62" s="2" t="s">
        <v>34</v>
      </c>
    </row>
    <row r="63" spans="1:22" x14ac:dyDescent="0.25">
      <c r="A63" s="2" t="s">
        <v>21</v>
      </c>
      <c r="B63" s="3" t="s">
        <v>268</v>
      </c>
      <c r="C63" s="2" t="s">
        <v>269</v>
      </c>
      <c r="D63" s="4" t="s">
        <v>1788</v>
      </c>
      <c r="E63" s="2" t="s">
        <v>25</v>
      </c>
      <c r="F63" s="2" t="s">
        <v>282</v>
      </c>
      <c r="G63" s="8" t="s">
        <v>283</v>
      </c>
      <c r="H63" s="8" t="s">
        <v>27</v>
      </c>
      <c r="I63" s="2" t="s">
        <v>28</v>
      </c>
      <c r="J63" s="2" t="s">
        <v>284</v>
      </c>
      <c r="K63" s="2" t="s">
        <v>29</v>
      </c>
      <c r="L63" s="2" t="s">
        <v>30</v>
      </c>
      <c r="M63" s="2" t="s">
        <v>31</v>
      </c>
      <c r="N63" s="2" t="s">
        <v>32</v>
      </c>
      <c r="O63" s="2" t="s">
        <v>33</v>
      </c>
      <c r="P63" s="2" t="s">
        <v>34</v>
      </c>
      <c r="Q63" s="2" t="s">
        <v>34</v>
      </c>
      <c r="R63" s="2" t="s">
        <v>35</v>
      </c>
      <c r="S63" s="2" t="s">
        <v>285</v>
      </c>
      <c r="T63" s="2" t="s">
        <v>34</v>
      </c>
      <c r="U63" s="2" t="s">
        <v>34</v>
      </c>
      <c r="V63" s="2" t="s">
        <v>34</v>
      </c>
    </row>
    <row r="64" spans="1:22" x14ac:dyDescent="0.25">
      <c r="A64" s="2" t="s">
        <v>21</v>
      </c>
      <c r="B64" s="3" t="s">
        <v>268</v>
      </c>
      <c r="C64" s="2" t="s">
        <v>269</v>
      </c>
      <c r="D64" s="4" t="s">
        <v>1789</v>
      </c>
      <c r="E64" s="2" t="s">
        <v>84</v>
      </c>
      <c r="F64" s="2" t="s">
        <v>286</v>
      </c>
      <c r="G64" s="8" t="s">
        <v>26</v>
      </c>
      <c r="H64" s="8" t="s">
        <v>86</v>
      </c>
      <c r="I64" s="2" t="s">
        <v>34</v>
      </c>
      <c r="J64" s="2" t="s">
        <v>287</v>
      </c>
      <c r="K64" s="2" t="s">
        <v>29</v>
      </c>
      <c r="L64" s="2" t="s">
        <v>30</v>
      </c>
      <c r="M64" s="2" t="s">
        <v>31</v>
      </c>
      <c r="N64" s="2" t="s">
        <v>49</v>
      </c>
      <c r="O64" s="2" t="s">
        <v>33</v>
      </c>
      <c r="P64" s="2" t="s">
        <v>34</v>
      </c>
      <c r="Q64" s="2" t="s">
        <v>34</v>
      </c>
      <c r="R64" s="2" t="s">
        <v>35</v>
      </c>
      <c r="S64" s="2" t="s">
        <v>288</v>
      </c>
      <c r="T64" s="2" t="s">
        <v>34</v>
      </c>
      <c r="U64" s="2" t="s">
        <v>34</v>
      </c>
      <c r="V64" s="2" t="s">
        <v>34</v>
      </c>
    </row>
    <row r="65" spans="1:22" x14ac:dyDescent="0.25">
      <c r="A65" s="2" t="s">
        <v>21</v>
      </c>
      <c r="B65" s="3" t="s">
        <v>268</v>
      </c>
      <c r="C65" s="2" t="s">
        <v>269</v>
      </c>
      <c r="D65" s="4" t="s">
        <v>1790</v>
      </c>
      <c r="E65" s="2" t="s">
        <v>84</v>
      </c>
      <c r="F65" s="2" t="s">
        <v>192</v>
      </c>
      <c r="G65" s="8" t="s">
        <v>193</v>
      </c>
      <c r="H65" s="8" t="s">
        <v>86</v>
      </c>
      <c r="I65" s="2" t="s">
        <v>34</v>
      </c>
      <c r="J65" s="2" t="s">
        <v>194</v>
      </c>
      <c r="K65" s="2" t="s">
        <v>29</v>
      </c>
      <c r="L65" s="2" t="s">
        <v>30</v>
      </c>
      <c r="M65" s="2" t="s">
        <v>31</v>
      </c>
      <c r="N65" s="2" t="s">
        <v>49</v>
      </c>
      <c r="O65" s="2" t="s">
        <v>33</v>
      </c>
      <c r="P65" s="2" t="s">
        <v>34</v>
      </c>
      <c r="Q65" s="2" t="s">
        <v>34</v>
      </c>
      <c r="R65" s="2" t="s">
        <v>35</v>
      </c>
      <c r="S65" s="2" t="s">
        <v>195</v>
      </c>
      <c r="T65" s="2" t="s">
        <v>34</v>
      </c>
      <c r="U65" s="2" t="s">
        <v>34</v>
      </c>
      <c r="V65" s="2" t="s">
        <v>34</v>
      </c>
    </row>
    <row r="66" spans="1:22" x14ac:dyDescent="0.25">
      <c r="A66" s="2" t="s">
        <v>21</v>
      </c>
      <c r="B66" s="3" t="s">
        <v>268</v>
      </c>
      <c r="C66" s="2" t="s">
        <v>269</v>
      </c>
      <c r="D66" s="4" t="s">
        <v>1791</v>
      </c>
      <c r="E66" s="2" t="s">
        <v>84</v>
      </c>
      <c r="F66" s="2" t="s">
        <v>289</v>
      </c>
      <c r="G66" s="8" t="s">
        <v>290</v>
      </c>
      <c r="H66" s="8" t="s">
        <v>86</v>
      </c>
      <c r="I66" s="2" t="s">
        <v>34</v>
      </c>
      <c r="J66" s="2" t="s">
        <v>291</v>
      </c>
      <c r="K66" s="2" t="s">
        <v>29</v>
      </c>
      <c r="L66" s="2" t="s">
        <v>30</v>
      </c>
      <c r="M66" s="2" t="s">
        <v>31</v>
      </c>
      <c r="N66" s="2" t="s">
        <v>49</v>
      </c>
      <c r="O66" s="2" t="s">
        <v>33</v>
      </c>
      <c r="P66" s="2" t="s">
        <v>34</v>
      </c>
      <c r="Q66" s="2" t="s">
        <v>34</v>
      </c>
      <c r="R66" s="2" t="s">
        <v>35</v>
      </c>
      <c r="S66" s="2" t="s">
        <v>292</v>
      </c>
      <c r="T66" s="2" t="s">
        <v>34</v>
      </c>
      <c r="U66" s="2" t="s">
        <v>34</v>
      </c>
      <c r="V66" s="2" t="s">
        <v>34</v>
      </c>
    </row>
    <row r="67" spans="1:22" x14ac:dyDescent="0.25">
      <c r="A67" s="2" t="s">
        <v>21</v>
      </c>
      <c r="B67" s="3" t="s">
        <v>268</v>
      </c>
      <c r="C67" s="2" t="s">
        <v>269</v>
      </c>
      <c r="D67" s="4" t="s">
        <v>1792</v>
      </c>
      <c r="E67" s="2" t="s">
        <v>99</v>
      </c>
      <c r="F67" s="2" t="s">
        <v>293</v>
      </c>
      <c r="G67" s="8" t="s">
        <v>44</v>
      </c>
      <c r="H67" s="8" t="s">
        <v>45</v>
      </c>
      <c r="I67" s="2" t="s">
        <v>102</v>
      </c>
      <c r="J67" s="2" t="s">
        <v>295</v>
      </c>
      <c r="K67" s="2" t="s">
        <v>29</v>
      </c>
      <c r="L67" s="2" t="s">
        <v>30</v>
      </c>
      <c r="M67" s="2" t="s">
        <v>31</v>
      </c>
      <c r="N67" s="2" t="s">
        <v>104</v>
      </c>
      <c r="O67" s="2" t="s">
        <v>33</v>
      </c>
      <c r="P67" s="2" t="s">
        <v>34</v>
      </c>
      <c r="Q67" s="2" t="s">
        <v>34</v>
      </c>
      <c r="R67" s="2" t="s">
        <v>35</v>
      </c>
      <c r="S67" s="2" t="s">
        <v>296</v>
      </c>
      <c r="T67" s="2" t="s">
        <v>34</v>
      </c>
      <c r="U67" s="2" t="s">
        <v>34</v>
      </c>
      <c r="V67" s="2" t="s">
        <v>34</v>
      </c>
    </row>
    <row r="68" spans="1:22" x14ac:dyDescent="0.25">
      <c r="A68" s="2" t="s">
        <v>21</v>
      </c>
      <c r="B68" s="3" t="s">
        <v>268</v>
      </c>
      <c r="C68" s="2" t="s">
        <v>269</v>
      </c>
      <c r="D68" s="4" t="s">
        <v>1793</v>
      </c>
      <c r="E68" s="2" t="s">
        <v>99</v>
      </c>
      <c r="F68" s="2" t="s">
        <v>297</v>
      </c>
      <c r="G68" s="8" t="s">
        <v>54</v>
      </c>
      <c r="H68" s="8" t="s">
        <v>45</v>
      </c>
      <c r="I68" s="2" t="s">
        <v>294</v>
      </c>
      <c r="J68" s="2" t="s">
        <v>298</v>
      </c>
      <c r="K68" s="2" t="s">
        <v>29</v>
      </c>
      <c r="L68" s="2" t="s">
        <v>30</v>
      </c>
      <c r="M68" s="2" t="s">
        <v>31</v>
      </c>
      <c r="N68" s="2" t="s">
        <v>104</v>
      </c>
      <c r="O68" s="2" t="s">
        <v>33</v>
      </c>
      <c r="P68" s="2" t="s">
        <v>34</v>
      </c>
      <c r="Q68" s="2" t="s">
        <v>34</v>
      </c>
      <c r="R68" s="2" t="s">
        <v>35</v>
      </c>
      <c r="S68" s="2" t="s">
        <v>299</v>
      </c>
      <c r="T68" s="2" t="s">
        <v>34</v>
      </c>
      <c r="U68" s="2" t="s">
        <v>34</v>
      </c>
      <c r="V68" s="2" t="s">
        <v>34</v>
      </c>
    </row>
    <row r="69" spans="1:22" x14ac:dyDescent="0.25">
      <c r="A69" s="2" t="s">
        <v>21</v>
      </c>
      <c r="B69" s="3" t="s">
        <v>268</v>
      </c>
      <c r="C69" s="2" t="s">
        <v>269</v>
      </c>
      <c r="D69" s="4" t="s">
        <v>1794</v>
      </c>
      <c r="E69" s="2" t="s">
        <v>203</v>
      </c>
      <c r="F69" s="2" t="s">
        <v>34</v>
      </c>
      <c r="G69" s="8">
        <v>1</v>
      </c>
      <c r="H69" s="8">
        <v>0</v>
      </c>
      <c r="I69" s="2" t="s">
        <v>204</v>
      </c>
      <c r="J69" s="2" t="s">
        <v>205</v>
      </c>
      <c r="K69" s="2" t="s">
        <v>30</v>
      </c>
      <c r="L69" s="2" t="s">
        <v>30</v>
      </c>
      <c r="M69" s="2" t="s">
        <v>31</v>
      </c>
      <c r="N69" s="2" t="s">
        <v>206</v>
      </c>
      <c r="O69" s="2" t="s">
        <v>117</v>
      </c>
      <c r="P69" s="2" t="s">
        <v>34</v>
      </c>
      <c r="Q69" s="2" t="s">
        <v>34</v>
      </c>
      <c r="R69" s="2" t="s">
        <v>35</v>
      </c>
      <c r="S69" s="2" t="s">
        <v>207</v>
      </c>
      <c r="T69" s="2" t="s">
        <v>34</v>
      </c>
      <c r="U69" s="2" t="s">
        <v>34</v>
      </c>
      <c r="V69" s="2" t="s">
        <v>34</v>
      </c>
    </row>
    <row r="70" spans="1:22" x14ac:dyDescent="0.25">
      <c r="A70" s="2" t="s">
        <v>21</v>
      </c>
      <c r="B70" s="3" t="s">
        <v>268</v>
      </c>
      <c r="C70" s="2" t="s">
        <v>269</v>
      </c>
      <c r="D70" s="4" t="s">
        <v>1795</v>
      </c>
      <c r="E70" s="2" t="s">
        <v>300</v>
      </c>
      <c r="F70" s="2" t="s">
        <v>301</v>
      </c>
      <c r="G70" s="8" t="s">
        <v>45</v>
      </c>
      <c r="H70" s="8" t="s">
        <v>45</v>
      </c>
      <c r="I70" s="2" t="s">
        <v>302</v>
      </c>
      <c r="J70" s="2" t="s">
        <v>303</v>
      </c>
      <c r="K70" s="2" t="s">
        <v>29</v>
      </c>
      <c r="L70" s="2" t="s">
        <v>30</v>
      </c>
      <c r="M70" s="2" t="s">
        <v>31</v>
      </c>
      <c r="N70" s="2" t="s">
        <v>104</v>
      </c>
      <c r="O70" s="2" t="s">
        <v>33</v>
      </c>
      <c r="P70" s="2" t="s">
        <v>34</v>
      </c>
      <c r="Q70" s="2" t="s">
        <v>34</v>
      </c>
      <c r="R70" s="2" t="s">
        <v>35</v>
      </c>
      <c r="S70" s="2" t="s">
        <v>304</v>
      </c>
      <c r="T70" s="2" t="s">
        <v>34</v>
      </c>
      <c r="U70" s="2" t="s">
        <v>34</v>
      </c>
      <c r="V70" s="2" t="s">
        <v>34</v>
      </c>
    </row>
    <row r="71" spans="1:22" x14ac:dyDescent="0.25">
      <c r="A71" s="2" t="s">
        <v>21</v>
      </c>
      <c r="B71" s="3" t="s">
        <v>268</v>
      </c>
      <c r="C71" s="2" t="s">
        <v>269</v>
      </c>
      <c r="D71" s="4" t="s">
        <v>1796</v>
      </c>
      <c r="E71" s="2" t="s">
        <v>300</v>
      </c>
      <c r="F71" s="2" t="s">
        <v>305</v>
      </c>
      <c r="G71" s="8" t="s">
        <v>27</v>
      </c>
      <c r="H71" s="8" t="s">
        <v>45</v>
      </c>
      <c r="I71" s="2" t="s">
        <v>302</v>
      </c>
      <c r="J71" s="2" t="s">
        <v>306</v>
      </c>
      <c r="K71" s="2" t="s">
        <v>29</v>
      </c>
      <c r="L71" s="2" t="s">
        <v>30</v>
      </c>
      <c r="M71" s="2" t="s">
        <v>31</v>
      </c>
      <c r="N71" s="2" t="s">
        <v>104</v>
      </c>
      <c r="O71" s="2" t="s">
        <v>33</v>
      </c>
      <c r="P71" s="2" t="s">
        <v>34</v>
      </c>
      <c r="Q71" s="2" t="s">
        <v>34</v>
      </c>
      <c r="R71" s="2" t="s">
        <v>35</v>
      </c>
      <c r="S71" s="2" t="s">
        <v>307</v>
      </c>
      <c r="T71" s="2" t="s">
        <v>34</v>
      </c>
      <c r="U71" s="2" t="s">
        <v>34</v>
      </c>
      <c r="V71" s="2" t="s">
        <v>34</v>
      </c>
    </row>
    <row r="72" spans="1:22" x14ac:dyDescent="0.25">
      <c r="A72" s="2" t="s">
        <v>21</v>
      </c>
      <c r="B72" s="3" t="s">
        <v>268</v>
      </c>
      <c r="C72" s="2" t="s">
        <v>269</v>
      </c>
      <c r="D72" s="4" t="s">
        <v>1797</v>
      </c>
      <c r="E72" s="2" t="s">
        <v>300</v>
      </c>
      <c r="F72" s="2" t="s">
        <v>308</v>
      </c>
      <c r="G72" s="8" t="s">
        <v>86</v>
      </c>
      <c r="H72" s="8" t="s">
        <v>45</v>
      </c>
      <c r="I72" s="2" t="s">
        <v>302</v>
      </c>
      <c r="J72" s="2" t="s">
        <v>309</v>
      </c>
      <c r="K72" s="2" t="s">
        <v>29</v>
      </c>
      <c r="L72" s="2" t="s">
        <v>30</v>
      </c>
      <c r="M72" s="2" t="s">
        <v>31</v>
      </c>
      <c r="N72" s="2" t="s">
        <v>104</v>
      </c>
      <c r="O72" s="2" t="s">
        <v>33</v>
      </c>
      <c r="P72" s="2" t="s">
        <v>34</v>
      </c>
      <c r="Q72" s="2" t="s">
        <v>34</v>
      </c>
      <c r="R72" s="2" t="s">
        <v>35</v>
      </c>
      <c r="S72" s="2" t="s">
        <v>310</v>
      </c>
      <c r="T72" s="2" t="s">
        <v>34</v>
      </c>
      <c r="U72" s="2" t="s">
        <v>34</v>
      </c>
      <c r="V72" s="2" t="s">
        <v>34</v>
      </c>
    </row>
    <row r="73" spans="1:22" x14ac:dyDescent="0.25">
      <c r="A73" s="2" t="s">
        <v>21</v>
      </c>
      <c r="B73" s="3" t="s">
        <v>268</v>
      </c>
      <c r="C73" s="2" t="s">
        <v>269</v>
      </c>
      <c r="D73" s="4" t="s">
        <v>1798</v>
      </c>
      <c r="E73" s="2" t="s">
        <v>300</v>
      </c>
      <c r="F73" s="2" t="s">
        <v>311</v>
      </c>
      <c r="G73" s="8" t="s">
        <v>133</v>
      </c>
      <c r="H73" s="8" t="s">
        <v>45</v>
      </c>
      <c r="I73" s="2" t="s">
        <v>302</v>
      </c>
      <c r="J73" s="2" t="s">
        <v>312</v>
      </c>
      <c r="K73" s="2" t="s">
        <v>29</v>
      </c>
      <c r="L73" s="2" t="s">
        <v>30</v>
      </c>
      <c r="M73" s="2" t="s">
        <v>31</v>
      </c>
      <c r="N73" s="2" t="s">
        <v>104</v>
      </c>
      <c r="O73" s="2" t="s">
        <v>33</v>
      </c>
      <c r="P73" s="2" t="s">
        <v>34</v>
      </c>
      <c r="Q73" s="2" t="s">
        <v>34</v>
      </c>
      <c r="R73" s="2" t="s">
        <v>35</v>
      </c>
      <c r="S73" s="2" t="s">
        <v>313</v>
      </c>
      <c r="T73" s="2" t="s">
        <v>34</v>
      </c>
      <c r="U73" s="2" t="s">
        <v>34</v>
      </c>
      <c r="V73" s="2" t="s">
        <v>34</v>
      </c>
    </row>
    <row r="74" spans="1:22" x14ac:dyDescent="0.25">
      <c r="A74" s="2" t="s">
        <v>21</v>
      </c>
      <c r="B74" s="3" t="s">
        <v>268</v>
      </c>
      <c r="C74" s="2" t="s">
        <v>269</v>
      </c>
      <c r="D74" s="4" t="s">
        <v>1799</v>
      </c>
      <c r="E74" s="2" t="s">
        <v>300</v>
      </c>
      <c r="F74" s="2" t="s">
        <v>314</v>
      </c>
      <c r="G74" s="8" t="s">
        <v>101</v>
      </c>
      <c r="H74" s="8" t="s">
        <v>45</v>
      </c>
      <c r="I74" s="2" t="s">
        <v>302</v>
      </c>
      <c r="J74" s="2" t="s">
        <v>315</v>
      </c>
      <c r="K74" s="2" t="s">
        <v>29</v>
      </c>
      <c r="L74" s="2" t="s">
        <v>30</v>
      </c>
      <c r="M74" s="2" t="s">
        <v>31</v>
      </c>
      <c r="N74" s="2" t="s">
        <v>104</v>
      </c>
      <c r="O74" s="2" t="s">
        <v>33</v>
      </c>
      <c r="P74" s="2" t="s">
        <v>34</v>
      </c>
      <c r="Q74" s="2" t="s">
        <v>34</v>
      </c>
      <c r="R74" s="2" t="s">
        <v>35</v>
      </c>
      <c r="S74" s="2" t="s">
        <v>316</v>
      </c>
      <c r="T74" s="2" t="s">
        <v>34</v>
      </c>
      <c r="U74" s="2" t="s">
        <v>34</v>
      </c>
      <c r="V74" s="2" t="s">
        <v>34</v>
      </c>
    </row>
    <row r="75" spans="1:22" x14ac:dyDescent="0.25">
      <c r="A75" s="2" t="s">
        <v>21</v>
      </c>
      <c r="B75" s="3" t="s">
        <v>268</v>
      </c>
      <c r="C75" s="2" t="s">
        <v>269</v>
      </c>
      <c r="D75" s="4" t="s">
        <v>1800</v>
      </c>
      <c r="E75" s="2" t="s">
        <v>300</v>
      </c>
      <c r="F75" s="2" t="s">
        <v>317</v>
      </c>
      <c r="G75" s="8" t="s">
        <v>108</v>
      </c>
      <c r="H75" s="8" t="s">
        <v>45</v>
      </c>
      <c r="I75" s="2" t="s">
        <v>302</v>
      </c>
      <c r="J75" s="2" t="s">
        <v>318</v>
      </c>
      <c r="K75" s="2" t="s">
        <v>29</v>
      </c>
      <c r="L75" s="2" t="s">
        <v>30</v>
      </c>
      <c r="M75" s="2" t="s">
        <v>31</v>
      </c>
      <c r="N75" s="2" t="s">
        <v>104</v>
      </c>
      <c r="O75" s="2" t="s">
        <v>33</v>
      </c>
      <c r="P75" s="2" t="s">
        <v>34</v>
      </c>
      <c r="Q75" s="2" t="s">
        <v>34</v>
      </c>
      <c r="R75" s="2" t="s">
        <v>35</v>
      </c>
      <c r="S75" s="2" t="s">
        <v>319</v>
      </c>
      <c r="T75" s="2" t="s">
        <v>34</v>
      </c>
      <c r="U75" s="2" t="s">
        <v>34</v>
      </c>
      <c r="V75" s="2" t="s">
        <v>34</v>
      </c>
    </row>
    <row r="76" spans="1:22" x14ac:dyDescent="0.25">
      <c r="A76" s="2" t="s">
        <v>21</v>
      </c>
      <c r="B76" s="3" t="s">
        <v>268</v>
      </c>
      <c r="C76" s="2" t="s">
        <v>269</v>
      </c>
      <c r="D76" s="4" t="s">
        <v>1801</v>
      </c>
      <c r="E76" s="2" t="s">
        <v>99</v>
      </c>
      <c r="F76" s="2" t="s">
        <v>320</v>
      </c>
      <c r="G76" s="8" t="s">
        <v>27</v>
      </c>
      <c r="H76" s="8" t="s">
        <v>45</v>
      </c>
      <c r="I76" s="2" t="s">
        <v>1802</v>
      </c>
      <c r="J76" s="2" t="s">
        <v>321</v>
      </c>
      <c r="K76" s="2" t="s">
        <v>29</v>
      </c>
      <c r="L76" s="2" t="s">
        <v>30</v>
      </c>
      <c r="M76" s="2" t="s">
        <v>31</v>
      </c>
      <c r="N76" s="2" t="s">
        <v>104</v>
      </c>
      <c r="O76" s="2" t="s">
        <v>33</v>
      </c>
      <c r="P76" s="2" t="s">
        <v>34</v>
      </c>
      <c r="Q76" s="2" t="s">
        <v>34</v>
      </c>
      <c r="R76" s="2" t="s">
        <v>35</v>
      </c>
      <c r="S76" s="2" t="s">
        <v>322</v>
      </c>
      <c r="T76" s="2" t="s">
        <v>34</v>
      </c>
      <c r="U76" s="2" t="s">
        <v>34</v>
      </c>
      <c r="V76" s="2" t="s">
        <v>34</v>
      </c>
    </row>
    <row r="77" spans="1:22" x14ac:dyDescent="0.25">
      <c r="A77" s="2" t="s">
        <v>21</v>
      </c>
      <c r="B77" s="3" t="s">
        <v>268</v>
      </c>
      <c r="C77" s="2" t="s">
        <v>269</v>
      </c>
      <c r="D77" s="4" t="s">
        <v>1803</v>
      </c>
      <c r="E77" s="2" t="s">
        <v>99</v>
      </c>
      <c r="F77" s="2" t="s">
        <v>323</v>
      </c>
      <c r="G77" s="8" t="s">
        <v>324</v>
      </c>
      <c r="H77" s="8" t="s">
        <v>27</v>
      </c>
      <c r="I77" s="2" t="s">
        <v>34</v>
      </c>
      <c r="J77" s="2" t="s">
        <v>325</v>
      </c>
      <c r="K77" s="2" t="s">
        <v>29</v>
      </c>
      <c r="L77" s="2" t="s">
        <v>30</v>
      </c>
      <c r="M77" s="2" t="s">
        <v>31</v>
      </c>
      <c r="N77" s="2" t="s">
        <v>183</v>
      </c>
      <c r="O77" s="2" t="s">
        <v>33</v>
      </c>
      <c r="P77" s="2" t="s">
        <v>34</v>
      </c>
      <c r="Q77" s="2" t="s">
        <v>34</v>
      </c>
      <c r="R77" s="2" t="s">
        <v>35</v>
      </c>
      <c r="S77" s="2" t="s">
        <v>326</v>
      </c>
      <c r="T77" s="2" t="s">
        <v>34</v>
      </c>
      <c r="U77" s="2" t="s">
        <v>34</v>
      </c>
      <c r="V77" s="2" t="s">
        <v>34</v>
      </c>
    </row>
    <row r="78" spans="1:22" x14ac:dyDescent="0.25">
      <c r="A78" s="2" t="s">
        <v>21</v>
      </c>
      <c r="B78" s="3" t="s">
        <v>268</v>
      </c>
      <c r="C78" s="2" t="s">
        <v>269</v>
      </c>
      <c r="D78" s="4" t="s">
        <v>1804</v>
      </c>
      <c r="E78" s="2" t="s">
        <v>186</v>
      </c>
      <c r="F78" s="2" t="s">
        <v>327</v>
      </c>
      <c r="G78" s="8" t="s">
        <v>27</v>
      </c>
      <c r="H78" s="8" t="s">
        <v>45</v>
      </c>
      <c r="I78" s="2" t="s">
        <v>34</v>
      </c>
      <c r="J78" s="2" t="s">
        <v>328</v>
      </c>
      <c r="K78" s="2" t="s">
        <v>29</v>
      </c>
      <c r="L78" s="2" t="s">
        <v>30</v>
      </c>
      <c r="M78" s="2" t="s">
        <v>31</v>
      </c>
      <c r="N78" s="2" t="s">
        <v>183</v>
      </c>
      <c r="O78" s="2" t="s">
        <v>189</v>
      </c>
      <c r="P78" s="2" t="s">
        <v>34</v>
      </c>
      <c r="Q78" s="2" t="s">
        <v>34</v>
      </c>
      <c r="R78" s="2" t="s">
        <v>35</v>
      </c>
      <c r="S78" s="2" t="s">
        <v>329</v>
      </c>
      <c r="T78" s="2" t="s">
        <v>34</v>
      </c>
      <c r="U78" s="2" t="s">
        <v>34</v>
      </c>
      <c r="V78" s="2" t="s">
        <v>34</v>
      </c>
    </row>
    <row r="79" spans="1:22" x14ac:dyDescent="0.25">
      <c r="A79" s="2" t="s">
        <v>21</v>
      </c>
      <c r="B79" s="3" t="s">
        <v>268</v>
      </c>
      <c r="C79" s="2" t="s">
        <v>269</v>
      </c>
      <c r="D79" s="4" t="s">
        <v>1805</v>
      </c>
      <c r="E79" s="2" t="s">
        <v>84</v>
      </c>
      <c r="F79" s="2" t="s">
        <v>330</v>
      </c>
      <c r="G79" s="8" t="s">
        <v>331</v>
      </c>
      <c r="H79" s="8" t="s">
        <v>86</v>
      </c>
      <c r="I79" s="2" t="s">
        <v>34</v>
      </c>
      <c r="J79" s="2" t="s">
        <v>34</v>
      </c>
      <c r="K79" s="2" t="s">
        <v>29</v>
      </c>
      <c r="L79" s="2" t="s">
        <v>30</v>
      </c>
      <c r="M79" s="2" t="s">
        <v>31</v>
      </c>
      <c r="N79" s="2" t="s">
        <v>49</v>
      </c>
      <c r="O79" s="2" t="s">
        <v>33</v>
      </c>
      <c r="P79" s="2" t="s">
        <v>34</v>
      </c>
      <c r="Q79" s="2" t="s">
        <v>34</v>
      </c>
      <c r="R79" s="2" t="s">
        <v>35</v>
      </c>
      <c r="S79" s="2" t="s">
        <v>332</v>
      </c>
      <c r="T79" s="2" t="s">
        <v>34</v>
      </c>
      <c r="U79" s="2" t="s">
        <v>34</v>
      </c>
      <c r="V79" s="2" t="s">
        <v>34</v>
      </c>
    </row>
    <row r="80" spans="1:22" x14ac:dyDescent="0.25">
      <c r="A80" s="2" t="s">
        <v>21</v>
      </c>
      <c r="B80" s="3" t="s">
        <v>268</v>
      </c>
      <c r="C80" s="2" t="s">
        <v>269</v>
      </c>
      <c r="D80" s="4" t="s">
        <v>1806</v>
      </c>
      <c r="E80" s="2" t="s">
        <v>197</v>
      </c>
      <c r="F80" s="2" t="s">
        <v>333</v>
      </c>
      <c r="G80" s="8" t="s">
        <v>279</v>
      </c>
      <c r="H80" s="8" t="s">
        <v>45</v>
      </c>
      <c r="I80" s="2" t="s">
        <v>199</v>
      </c>
      <c r="J80" s="2" t="s">
        <v>334</v>
      </c>
      <c r="K80" s="2" t="s">
        <v>29</v>
      </c>
      <c r="L80" s="2" t="s">
        <v>30</v>
      </c>
      <c r="M80" s="2" t="s">
        <v>31</v>
      </c>
      <c r="N80" s="2" t="s">
        <v>104</v>
      </c>
      <c r="O80" s="2" t="s">
        <v>33</v>
      </c>
      <c r="P80" s="2" t="s">
        <v>34</v>
      </c>
      <c r="Q80" s="2" t="s">
        <v>34</v>
      </c>
      <c r="R80" s="2" t="s">
        <v>35</v>
      </c>
      <c r="S80" s="2" t="s">
        <v>335</v>
      </c>
      <c r="T80" s="2" t="s">
        <v>34</v>
      </c>
      <c r="U80" s="2" t="s">
        <v>34</v>
      </c>
      <c r="V80" s="2" t="s">
        <v>34</v>
      </c>
    </row>
    <row r="81" spans="1:22" x14ac:dyDescent="0.25">
      <c r="A81" s="2" t="s">
        <v>21</v>
      </c>
      <c r="B81" s="3" t="s">
        <v>268</v>
      </c>
      <c r="C81" s="2" t="s">
        <v>269</v>
      </c>
      <c r="D81" s="4" t="s">
        <v>1807</v>
      </c>
      <c r="E81" s="2" t="s">
        <v>113</v>
      </c>
      <c r="F81" s="2" t="s">
        <v>34</v>
      </c>
      <c r="G81" s="8">
        <v>1</v>
      </c>
      <c r="H81" s="8">
        <v>0</v>
      </c>
      <c r="I81" s="2" t="s">
        <v>34</v>
      </c>
      <c r="J81" s="2" t="s">
        <v>114</v>
      </c>
      <c r="K81" s="2" t="s">
        <v>115</v>
      </c>
      <c r="L81" s="2" t="s">
        <v>34</v>
      </c>
      <c r="M81" s="2" t="s">
        <v>116</v>
      </c>
      <c r="N81" s="2" t="s">
        <v>49</v>
      </c>
      <c r="O81" s="2" t="s">
        <v>117</v>
      </c>
      <c r="P81" s="2" t="s">
        <v>118</v>
      </c>
      <c r="Q81" s="2" t="s">
        <v>34</v>
      </c>
      <c r="R81" s="2" t="s">
        <v>35</v>
      </c>
      <c r="S81" s="2" t="s">
        <v>119</v>
      </c>
      <c r="T81" s="2" t="s">
        <v>34</v>
      </c>
      <c r="U81" s="2" t="s">
        <v>34</v>
      </c>
      <c r="V81" s="2" t="s">
        <v>34</v>
      </c>
    </row>
    <row r="82" spans="1:22" x14ac:dyDescent="0.25">
      <c r="A82" s="2" t="s">
        <v>21</v>
      </c>
      <c r="B82" s="3" t="s">
        <v>268</v>
      </c>
      <c r="C82" s="2" t="s">
        <v>269</v>
      </c>
      <c r="D82" s="4" t="s">
        <v>1808</v>
      </c>
      <c r="E82" s="2" t="s">
        <v>209</v>
      </c>
      <c r="F82" s="2" t="s">
        <v>336</v>
      </c>
      <c r="G82" s="8" t="s">
        <v>337</v>
      </c>
      <c r="H82" s="8" t="s">
        <v>86</v>
      </c>
      <c r="I82" s="2" t="s">
        <v>34</v>
      </c>
      <c r="J82" s="2" t="s">
        <v>338</v>
      </c>
      <c r="K82" s="2" t="s">
        <v>29</v>
      </c>
      <c r="L82" s="2" t="s">
        <v>30</v>
      </c>
      <c r="M82" s="2" t="s">
        <v>31</v>
      </c>
      <c r="N82" s="2" t="s">
        <v>183</v>
      </c>
      <c r="O82" s="2" t="s">
        <v>189</v>
      </c>
      <c r="P82" s="2" t="s">
        <v>34</v>
      </c>
      <c r="Q82" s="2" t="s">
        <v>34</v>
      </c>
      <c r="R82" s="2" t="s">
        <v>35</v>
      </c>
      <c r="S82" s="2" t="s">
        <v>339</v>
      </c>
      <c r="T82" s="2" t="s">
        <v>34</v>
      </c>
      <c r="U82" s="2" t="s">
        <v>34</v>
      </c>
      <c r="V82" s="2" t="s">
        <v>34</v>
      </c>
    </row>
    <row r="83" spans="1:22" x14ac:dyDescent="0.25">
      <c r="A83" s="2" t="s">
        <v>21</v>
      </c>
      <c r="B83" s="3" t="s">
        <v>268</v>
      </c>
      <c r="C83" s="2" t="s">
        <v>269</v>
      </c>
      <c r="D83" s="4" t="s">
        <v>1809</v>
      </c>
      <c r="E83" s="2" t="s">
        <v>215</v>
      </c>
      <c r="F83" s="2" t="s">
        <v>340</v>
      </c>
      <c r="G83" s="8" t="s">
        <v>341</v>
      </c>
      <c r="H83" s="8" t="s">
        <v>86</v>
      </c>
      <c r="I83" s="2" t="s">
        <v>218</v>
      </c>
      <c r="J83" s="2" t="s">
        <v>342</v>
      </c>
      <c r="K83" s="2" t="s">
        <v>29</v>
      </c>
      <c r="L83" s="2" t="s">
        <v>30</v>
      </c>
      <c r="M83" s="2" t="s">
        <v>31</v>
      </c>
      <c r="N83" s="2" t="s">
        <v>220</v>
      </c>
      <c r="O83" s="2" t="s">
        <v>189</v>
      </c>
      <c r="P83" s="2" t="s">
        <v>34</v>
      </c>
      <c r="Q83" s="2" t="s">
        <v>34</v>
      </c>
      <c r="R83" s="2" t="s">
        <v>35</v>
      </c>
      <c r="S83" s="2" t="s">
        <v>343</v>
      </c>
      <c r="T83" s="2" t="s">
        <v>34</v>
      </c>
      <c r="U83" s="2" t="s">
        <v>34</v>
      </c>
      <c r="V83" s="2" t="s">
        <v>34</v>
      </c>
    </row>
    <row r="84" spans="1:22" x14ac:dyDescent="0.25">
      <c r="A84" s="2" t="s">
        <v>21</v>
      </c>
      <c r="B84" s="3" t="s">
        <v>268</v>
      </c>
      <c r="C84" s="2" t="s">
        <v>269</v>
      </c>
      <c r="D84" s="4" t="s">
        <v>1810</v>
      </c>
      <c r="E84" s="2" t="s">
        <v>223</v>
      </c>
      <c r="F84" s="2" t="s">
        <v>344</v>
      </c>
      <c r="G84" s="8" t="s">
        <v>60</v>
      </c>
      <c r="H84" s="8" t="s">
        <v>45</v>
      </c>
      <c r="I84" s="2" t="s">
        <v>34</v>
      </c>
      <c r="J84" s="2" t="s">
        <v>345</v>
      </c>
      <c r="K84" s="2" t="s">
        <v>29</v>
      </c>
      <c r="L84" s="2" t="s">
        <v>30</v>
      </c>
      <c r="M84" s="2" t="s">
        <v>31</v>
      </c>
      <c r="N84" s="2" t="s">
        <v>49</v>
      </c>
      <c r="O84" s="2" t="s">
        <v>33</v>
      </c>
      <c r="P84" s="2" t="s">
        <v>34</v>
      </c>
      <c r="Q84" s="2" t="s">
        <v>34</v>
      </c>
      <c r="R84" s="2" t="s">
        <v>35</v>
      </c>
      <c r="S84" s="2" t="s">
        <v>346</v>
      </c>
      <c r="T84" s="2" t="s">
        <v>34</v>
      </c>
      <c r="U84" s="2" t="s">
        <v>34</v>
      </c>
      <c r="V84" s="2" t="s">
        <v>34</v>
      </c>
    </row>
    <row r="85" spans="1:22" x14ac:dyDescent="0.25">
      <c r="A85" s="2" t="s">
        <v>21</v>
      </c>
      <c r="B85" s="3" t="s">
        <v>268</v>
      </c>
      <c r="C85" s="2" t="s">
        <v>269</v>
      </c>
      <c r="D85" s="4" t="s">
        <v>1811</v>
      </c>
      <c r="E85" s="2" t="s">
        <v>228</v>
      </c>
      <c r="F85" s="2" t="s">
        <v>347</v>
      </c>
      <c r="G85" s="8" t="s">
        <v>27</v>
      </c>
      <c r="H85" s="8" t="s">
        <v>45</v>
      </c>
      <c r="I85" s="2" t="s">
        <v>230</v>
      </c>
      <c r="J85" s="2" t="s">
        <v>348</v>
      </c>
      <c r="K85" s="2" t="s">
        <v>29</v>
      </c>
      <c r="L85" s="2" t="s">
        <v>231</v>
      </c>
      <c r="M85" s="2" t="s">
        <v>116</v>
      </c>
      <c r="N85" s="2" t="s">
        <v>220</v>
      </c>
      <c r="O85" s="2" t="s">
        <v>33</v>
      </c>
      <c r="P85" s="2" t="s">
        <v>34</v>
      </c>
      <c r="Q85" s="2" t="s">
        <v>34</v>
      </c>
      <c r="R85" s="2" t="s">
        <v>35</v>
      </c>
      <c r="S85" s="2" t="s">
        <v>349</v>
      </c>
      <c r="T85" s="2" t="s">
        <v>34</v>
      </c>
      <c r="U85" s="2" t="s">
        <v>34</v>
      </c>
      <c r="V85" s="2" t="s">
        <v>34</v>
      </c>
    </row>
    <row r="86" spans="1:22" x14ac:dyDescent="0.25">
      <c r="A86" s="2" t="s">
        <v>21</v>
      </c>
      <c r="B86" s="3" t="s">
        <v>268</v>
      </c>
      <c r="C86" s="2" t="s">
        <v>269</v>
      </c>
      <c r="D86" s="4" t="s">
        <v>1812</v>
      </c>
      <c r="E86" s="2" t="s">
        <v>84</v>
      </c>
      <c r="F86" s="2" t="s">
        <v>85</v>
      </c>
      <c r="G86" s="8" t="s">
        <v>38</v>
      </c>
      <c r="H86" s="8" t="s">
        <v>86</v>
      </c>
      <c r="I86" s="2" t="s">
        <v>34</v>
      </c>
      <c r="J86" s="2" t="s">
        <v>87</v>
      </c>
      <c r="K86" s="2" t="s">
        <v>29</v>
      </c>
      <c r="L86" s="2" t="s">
        <v>30</v>
      </c>
      <c r="M86" s="2" t="s">
        <v>31</v>
      </c>
      <c r="N86" s="2" t="s">
        <v>49</v>
      </c>
      <c r="O86" s="2" t="s">
        <v>33</v>
      </c>
      <c r="P86" s="2" t="s">
        <v>34</v>
      </c>
      <c r="Q86" s="2" t="s">
        <v>34</v>
      </c>
      <c r="R86" s="2" t="s">
        <v>35</v>
      </c>
      <c r="S86" s="2" t="s">
        <v>88</v>
      </c>
      <c r="T86" s="2" t="s">
        <v>34</v>
      </c>
      <c r="U86" s="2" t="s">
        <v>34</v>
      </c>
      <c r="V86" s="2" t="s">
        <v>34</v>
      </c>
    </row>
    <row r="87" spans="1:22" x14ac:dyDescent="0.25">
      <c r="A87" s="2" t="s">
        <v>21</v>
      </c>
      <c r="B87" s="3" t="s">
        <v>268</v>
      </c>
      <c r="C87" s="2" t="s">
        <v>269</v>
      </c>
      <c r="D87" s="4" t="s">
        <v>1813</v>
      </c>
      <c r="E87" s="2" t="s">
        <v>197</v>
      </c>
      <c r="F87" s="2" t="s">
        <v>350</v>
      </c>
      <c r="G87" s="8" t="s">
        <v>351</v>
      </c>
      <c r="H87" s="8" t="s">
        <v>27</v>
      </c>
      <c r="I87" s="2" t="s">
        <v>1814</v>
      </c>
      <c r="J87" s="2" t="s">
        <v>353</v>
      </c>
      <c r="K87" s="2" t="s">
        <v>29</v>
      </c>
      <c r="L87" s="2" t="s">
        <v>30</v>
      </c>
      <c r="M87" s="2" t="s">
        <v>31</v>
      </c>
      <c r="N87" s="2" t="s">
        <v>183</v>
      </c>
      <c r="O87" s="2" t="s">
        <v>33</v>
      </c>
      <c r="P87" s="2" t="s">
        <v>34</v>
      </c>
      <c r="Q87" s="2" t="s">
        <v>34</v>
      </c>
      <c r="R87" s="2" t="s">
        <v>35</v>
      </c>
      <c r="S87" s="2" t="s">
        <v>354</v>
      </c>
      <c r="T87" s="2" t="s">
        <v>34</v>
      </c>
      <c r="U87" s="2" t="s">
        <v>34</v>
      </c>
      <c r="V87" s="2" t="s">
        <v>34</v>
      </c>
    </row>
    <row r="88" spans="1:22" x14ac:dyDescent="0.25">
      <c r="A88" s="2" t="s">
        <v>21</v>
      </c>
      <c r="B88" s="3" t="s">
        <v>268</v>
      </c>
      <c r="C88" s="2" t="s">
        <v>269</v>
      </c>
      <c r="D88" s="4" t="s">
        <v>1815</v>
      </c>
      <c r="E88" s="2" t="s">
        <v>245</v>
      </c>
      <c r="F88" s="2" t="s">
        <v>355</v>
      </c>
      <c r="G88" s="8" t="s">
        <v>101</v>
      </c>
      <c r="H88" s="8" t="s">
        <v>45</v>
      </c>
      <c r="I88" s="2" t="s">
        <v>247</v>
      </c>
      <c r="J88" s="2" t="s">
        <v>356</v>
      </c>
      <c r="K88" s="2" t="s">
        <v>29</v>
      </c>
      <c r="L88" s="2" t="s">
        <v>30</v>
      </c>
      <c r="M88" s="2" t="s">
        <v>116</v>
      </c>
      <c r="N88" s="2" t="s">
        <v>183</v>
      </c>
      <c r="O88" s="2" t="s">
        <v>249</v>
      </c>
      <c r="P88" s="2" t="s">
        <v>34</v>
      </c>
      <c r="Q88" s="2" t="s">
        <v>34</v>
      </c>
      <c r="R88" s="2" t="s">
        <v>35</v>
      </c>
      <c r="S88" s="2" t="s">
        <v>357</v>
      </c>
      <c r="T88" s="2" t="s">
        <v>34</v>
      </c>
      <c r="U88" s="2" t="s">
        <v>34</v>
      </c>
      <c r="V88" s="2" t="s">
        <v>34</v>
      </c>
    </row>
    <row r="89" spans="1:22" x14ac:dyDescent="0.25">
      <c r="A89" s="2" t="s">
        <v>21</v>
      </c>
      <c r="B89" s="3" t="s">
        <v>268</v>
      </c>
      <c r="C89" s="2" t="s">
        <v>269</v>
      </c>
      <c r="D89" s="4" t="s">
        <v>1816</v>
      </c>
      <c r="E89" s="2" t="s">
        <v>245</v>
      </c>
      <c r="F89" s="2" t="s">
        <v>358</v>
      </c>
      <c r="G89" s="8" t="s">
        <v>108</v>
      </c>
      <c r="H89" s="8" t="s">
        <v>45</v>
      </c>
      <c r="I89" s="2" t="s">
        <v>247</v>
      </c>
      <c r="J89" s="2" t="s">
        <v>359</v>
      </c>
      <c r="K89" s="2" t="s">
        <v>29</v>
      </c>
      <c r="L89" s="2" t="s">
        <v>30</v>
      </c>
      <c r="M89" s="2" t="s">
        <v>116</v>
      </c>
      <c r="N89" s="2" t="s">
        <v>183</v>
      </c>
      <c r="O89" s="2" t="s">
        <v>249</v>
      </c>
      <c r="P89" s="2" t="s">
        <v>34</v>
      </c>
      <c r="Q89" s="2" t="s">
        <v>34</v>
      </c>
      <c r="R89" s="2" t="s">
        <v>35</v>
      </c>
      <c r="S89" s="2" t="s">
        <v>360</v>
      </c>
      <c r="T89" s="2" t="s">
        <v>34</v>
      </c>
      <c r="U89" s="2" t="s">
        <v>34</v>
      </c>
      <c r="V89" s="2" t="s">
        <v>34</v>
      </c>
    </row>
    <row r="90" spans="1:22" x14ac:dyDescent="0.25">
      <c r="A90" s="2" t="s">
        <v>21</v>
      </c>
      <c r="B90" s="3" t="s">
        <v>268</v>
      </c>
      <c r="C90" s="2" t="s">
        <v>269</v>
      </c>
      <c r="D90" s="4" t="s">
        <v>1817</v>
      </c>
      <c r="E90" s="2" t="s">
        <v>245</v>
      </c>
      <c r="F90" s="2" t="s">
        <v>361</v>
      </c>
      <c r="G90" s="8" t="s">
        <v>44</v>
      </c>
      <c r="H90" s="8" t="s">
        <v>45</v>
      </c>
      <c r="I90" s="2" t="s">
        <v>247</v>
      </c>
      <c r="J90" s="2" t="s">
        <v>362</v>
      </c>
      <c r="K90" s="2" t="s">
        <v>29</v>
      </c>
      <c r="L90" s="2" t="s">
        <v>30</v>
      </c>
      <c r="M90" s="2" t="s">
        <v>116</v>
      </c>
      <c r="N90" s="2" t="s">
        <v>183</v>
      </c>
      <c r="O90" s="2" t="s">
        <v>249</v>
      </c>
      <c r="P90" s="2" t="s">
        <v>34</v>
      </c>
      <c r="Q90" s="2" t="s">
        <v>34</v>
      </c>
      <c r="R90" s="2" t="s">
        <v>35</v>
      </c>
      <c r="S90" s="2" t="s">
        <v>363</v>
      </c>
      <c r="T90" s="2" t="s">
        <v>34</v>
      </c>
      <c r="U90" s="2" t="s">
        <v>34</v>
      </c>
      <c r="V90" s="2" t="s">
        <v>34</v>
      </c>
    </row>
    <row r="91" spans="1:22" x14ac:dyDescent="0.25">
      <c r="A91" s="2" t="s">
        <v>21</v>
      </c>
      <c r="B91" s="3" t="s">
        <v>268</v>
      </c>
      <c r="C91" s="2" t="s">
        <v>269</v>
      </c>
      <c r="D91" s="4" t="s">
        <v>1818</v>
      </c>
      <c r="E91" s="2" t="s">
        <v>245</v>
      </c>
      <c r="F91" s="2" t="s">
        <v>364</v>
      </c>
      <c r="G91" s="8" t="s">
        <v>54</v>
      </c>
      <c r="H91" s="8" t="s">
        <v>45</v>
      </c>
      <c r="I91" s="2" t="s">
        <v>247</v>
      </c>
      <c r="J91" s="2" t="s">
        <v>365</v>
      </c>
      <c r="K91" s="2" t="s">
        <v>29</v>
      </c>
      <c r="L91" s="2" t="s">
        <v>30</v>
      </c>
      <c r="M91" s="2" t="s">
        <v>116</v>
      </c>
      <c r="N91" s="2" t="s">
        <v>183</v>
      </c>
      <c r="O91" s="2" t="s">
        <v>249</v>
      </c>
      <c r="P91" s="2" t="s">
        <v>34</v>
      </c>
      <c r="Q91" s="2" t="s">
        <v>34</v>
      </c>
      <c r="R91" s="2" t="s">
        <v>35</v>
      </c>
      <c r="S91" s="2" t="s">
        <v>366</v>
      </c>
      <c r="T91" s="2" t="s">
        <v>34</v>
      </c>
      <c r="U91" s="2" t="s">
        <v>34</v>
      </c>
      <c r="V91" s="2" t="s">
        <v>34</v>
      </c>
    </row>
    <row r="92" spans="1:22" x14ac:dyDescent="0.25">
      <c r="A92" s="2" t="s">
        <v>21</v>
      </c>
      <c r="B92" s="3" t="s">
        <v>268</v>
      </c>
      <c r="C92" s="2" t="s">
        <v>269</v>
      </c>
      <c r="D92" s="4" t="s">
        <v>1819</v>
      </c>
      <c r="E92" s="2" t="s">
        <v>228</v>
      </c>
      <c r="F92" s="2" t="s">
        <v>367</v>
      </c>
      <c r="G92" s="8" t="s">
        <v>44</v>
      </c>
      <c r="H92" s="8" t="s">
        <v>45</v>
      </c>
      <c r="I92" s="2" t="s">
        <v>230</v>
      </c>
      <c r="J92" s="2" t="s">
        <v>368</v>
      </c>
      <c r="K92" s="2" t="s">
        <v>29</v>
      </c>
      <c r="L92" s="2" t="s">
        <v>231</v>
      </c>
      <c r="M92" s="2" t="s">
        <v>116</v>
      </c>
      <c r="N92" s="2" t="s">
        <v>220</v>
      </c>
      <c r="O92" s="2" t="s">
        <v>33</v>
      </c>
      <c r="P92" s="2" t="s">
        <v>34</v>
      </c>
      <c r="Q92" s="2" t="s">
        <v>34</v>
      </c>
      <c r="R92" s="2" t="s">
        <v>35</v>
      </c>
      <c r="S92" s="2" t="s">
        <v>369</v>
      </c>
      <c r="T92" s="2" t="s">
        <v>34</v>
      </c>
      <c r="U92" s="2" t="s">
        <v>34</v>
      </c>
      <c r="V92" s="2"/>
    </row>
    <row r="93" spans="1:22" x14ac:dyDescent="0.25">
      <c r="A93" s="2" t="s">
        <v>21</v>
      </c>
      <c r="B93" s="3" t="s">
        <v>268</v>
      </c>
      <c r="C93" s="2" t="s">
        <v>269</v>
      </c>
      <c r="D93" s="4" t="s">
        <v>1820</v>
      </c>
      <c r="E93" s="2" t="s">
        <v>228</v>
      </c>
      <c r="F93" s="2" t="s">
        <v>423</v>
      </c>
      <c r="G93" s="8" t="s">
        <v>424</v>
      </c>
      <c r="H93" s="8" t="s">
        <v>27</v>
      </c>
      <c r="I93" s="2" t="s">
        <v>425</v>
      </c>
      <c r="J93" s="2" t="s">
        <v>426</v>
      </c>
      <c r="K93" s="2" t="s">
        <v>29</v>
      </c>
      <c r="L93" s="2" t="s">
        <v>34</v>
      </c>
      <c r="M93" s="2" t="s">
        <v>116</v>
      </c>
      <c r="N93" s="2" t="s">
        <v>104</v>
      </c>
      <c r="O93" s="2" t="s">
        <v>33</v>
      </c>
      <c r="P93" s="2" t="s">
        <v>34</v>
      </c>
      <c r="Q93" s="2" t="s">
        <v>34</v>
      </c>
      <c r="R93" s="2" t="s">
        <v>35</v>
      </c>
      <c r="S93" s="2" t="s">
        <v>427</v>
      </c>
      <c r="T93" s="2" t="s">
        <v>34</v>
      </c>
      <c r="U93" s="2" t="s">
        <v>34</v>
      </c>
      <c r="V93" s="2"/>
    </row>
    <row r="94" spans="1:22" x14ac:dyDescent="0.25">
      <c r="A94" s="2"/>
      <c r="B94" s="3"/>
      <c r="C94" s="2"/>
      <c r="D94" s="4"/>
      <c r="E94" s="5" t="s">
        <v>267</v>
      </c>
      <c r="F94" s="2"/>
      <c r="I94" s="2"/>
      <c r="J94" s="2"/>
      <c r="K94" s="2"/>
      <c r="L94" s="2"/>
      <c r="M94" s="2"/>
      <c r="N94" s="2"/>
      <c r="O94" s="2"/>
      <c r="P94" s="2"/>
      <c r="Q94" s="2"/>
      <c r="R94" s="2"/>
      <c r="S94" s="2"/>
      <c r="T94" s="2"/>
      <c r="U94" s="2"/>
      <c r="V94" s="2" t="s">
        <v>34</v>
      </c>
    </row>
    <row r="95" spans="1:22" x14ac:dyDescent="0.25">
      <c r="A95" s="2"/>
      <c r="B95" s="3"/>
      <c r="C95" s="2"/>
      <c r="D95" s="4"/>
      <c r="E95" s="5"/>
      <c r="F95" s="2"/>
      <c r="I95" s="2"/>
      <c r="J95" s="2"/>
      <c r="K95" s="2"/>
      <c r="L95" s="2"/>
      <c r="M95" s="2"/>
      <c r="N95" s="2"/>
      <c r="O95" s="2"/>
      <c r="P95" s="2"/>
      <c r="Q95" s="2"/>
      <c r="R95" s="2"/>
      <c r="S95" s="2"/>
      <c r="T95" s="2"/>
      <c r="U95" s="2"/>
      <c r="V95" s="2" t="s">
        <v>34</v>
      </c>
    </row>
    <row r="96" spans="1:22" x14ac:dyDescent="0.25">
      <c r="A96" s="2" t="s">
        <v>21</v>
      </c>
      <c r="B96" s="3" t="s">
        <v>370</v>
      </c>
      <c r="C96" s="2" t="s">
        <v>371</v>
      </c>
      <c r="D96" s="4" t="s">
        <v>24</v>
      </c>
      <c r="E96" s="2" t="s">
        <v>25</v>
      </c>
      <c r="F96" s="2" t="s">
        <v>372</v>
      </c>
      <c r="G96" s="8" t="s">
        <v>373</v>
      </c>
      <c r="H96" s="8" t="s">
        <v>27</v>
      </c>
      <c r="I96" s="2" t="s">
        <v>374</v>
      </c>
      <c r="J96" s="2" t="s">
        <v>375</v>
      </c>
      <c r="K96" s="2" t="s">
        <v>29</v>
      </c>
      <c r="L96" s="2" t="s">
        <v>30</v>
      </c>
      <c r="M96" s="2" t="s">
        <v>31</v>
      </c>
      <c r="N96" s="2" t="s">
        <v>32</v>
      </c>
      <c r="O96" s="2" t="s">
        <v>33</v>
      </c>
      <c r="P96" s="2" t="s">
        <v>34</v>
      </c>
      <c r="Q96" s="2" t="s">
        <v>34</v>
      </c>
      <c r="R96" s="2" t="s">
        <v>35</v>
      </c>
      <c r="S96" s="2" t="s">
        <v>376</v>
      </c>
      <c r="T96" s="2" t="s">
        <v>34</v>
      </c>
      <c r="U96" s="2" t="s">
        <v>34</v>
      </c>
      <c r="V96" s="2" t="s">
        <v>34</v>
      </c>
    </row>
    <row r="97" spans="1:22" x14ac:dyDescent="0.25">
      <c r="A97" s="2" t="s">
        <v>21</v>
      </c>
      <c r="B97" s="3" t="s">
        <v>370</v>
      </c>
      <c r="C97" s="2" t="s">
        <v>371</v>
      </c>
      <c r="D97" s="4" t="s">
        <v>1821</v>
      </c>
      <c r="E97" s="2" t="s">
        <v>25</v>
      </c>
      <c r="F97" s="2" t="s">
        <v>377</v>
      </c>
      <c r="G97" s="8" t="s">
        <v>290</v>
      </c>
      <c r="H97" s="8" t="s">
        <v>27</v>
      </c>
      <c r="I97" s="2" t="s">
        <v>374</v>
      </c>
      <c r="J97" s="2" t="s">
        <v>378</v>
      </c>
      <c r="K97" s="2" t="s">
        <v>29</v>
      </c>
      <c r="L97" s="2" t="s">
        <v>30</v>
      </c>
      <c r="M97" s="2" t="s">
        <v>31</v>
      </c>
      <c r="N97" s="2" t="s">
        <v>32</v>
      </c>
      <c r="O97" s="2" t="s">
        <v>33</v>
      </c>
      <c r="P97" s="2" t="s">
        <v>34</v>
      </c>
      <c r="Q97" s="2" t="s">
        <v>34</v>
      </c>
      <c r="R97" s="2" t="s">
        <v>35</v>
      </c>
      <c r="S97" s="2" t="s">
        <v>379</v>
      </c>
      <c r="T97" s="2" t="s">
        <v>34</v>
      </c>
      <c r="U97" s="2" t="s">
        <v>34</v>
      </c>
      <c r="V97" s="2" t="s">
        <v>34</v>
      </c>
    </row>
    <row r="98" spans="1:22" x14ac:dyDescent="0.25">
      <c r="A98" s="2" t="s">
        <v>21</v>
      </c>
      <c r="B98" s="3" t="s">
        <v>370</v>
      </c>
      <c r="C98" s="2" t="s">
        <v>371</v>
      </c>
      <c r="D98" s="4" t="s">
        <v>1822</v>
      </c>
      <c r="E98" s="2" t="s">
        <v>42</v>
      </c>
      <c r="F98" s="2" t="s">
        <v>171</v>
      </c>
      <c r="G98" s="8" t="s">
        <v>172</v>
      </c>
      <c r="H98" s="8" t="s">
        <v>45</v>
      </c>
      <c r="I98" s="2" t="s">
        <v>46</v>
      </c>
      <c r="J98" s="2" t="s">
        <v>173</v>
      </c>
      <c r="K98" s="2" t="s">
        <v>29</v>
      </c>
      <c r="L98" s="2" t="s">
        <v>30</v>
      </c>
      <c r="M98" s="2" t="s">
        <v>48</v>
      </c>
      <c r="N98" s="2" t="s">
        <v>49</v>
      </c>
      <c r="O98" s="2" t="s">
        <v>50</v>
      </c>
      <c r="P98" s="2" t="s">
        <v>34</v>
      </c>
      <c r="Q98" s="2" t="s">
        <v>34</v>
      </c>
      <c r="R98" s="2" t="s">
        <v>35</v>
      </c>
      <c r="S98" s="2" t="s">
        <v>174</v>
      </c>
      <c r="T98" s="2" t="s">
        <v>34</v>
      </c>
      <c r="U98" s="2" t="s">
        <v>34</v>
      </c>
      <c r="V98" s="2" t="s">
        <v>34</v>
      </c>
    </row>
    <row r="99" spans="1:22" x14ac:dyDescent="0.25">
      <c r="A99" s="2" t="s">
        <v>21</v>
      </c>
      <c r="B99" s="3" t="s">
        <v>370</v>
      </c>
      <c r="C99" s="2" t="s">
        <v>371</v>
      </c>
      <c r="D99" s="4" t="s">
        <v>1823</v>
      </c>
      <c r="E99" s="2" t="s">
        <v>42</v>
      </c>
      <c r="F99" s="2" t="s">
        <v>380</v>
      </c>
      <c r="G99" s="8" t="s">
        <v>381</v>
      </c>
      <c r="H99" s="8" t="s">
        <v>45</v>
      </c>
      <c r="I99" s="2" t="s">
        <v>46</v>
      </c>
      <c r="J99" s="2" t="s">
        <v>34</v>
      </c>
      <c r="K99" s="2" t="s">
        <v>29</v>
      </c>
      <c r="L99" s="2" t="s">
        <v>30</v>
      </c>
      <c r="M99" s="2" t="s">
        <v>48</v>
      </c>
      <c r="N99" s="2" t="s">
        <v>49</v>
      </c>
      <c r="O99" s="2" t="s">
        <v>50</v>
      </c>
      <c r="P99" s="2" t="s">
        <v>34</v>
      </c>
      <c r="Q99" s="2" t="s">
        <v>34</v>
      </c>
      <c r="R99" s="2" t="s">
        <v>35</v>
      </c>
      <c r="S99" s="2" t="s">
        <v>382</v>
      </c>
      <c r="T99" s="2" t="s">
        <v>34</v>
      </c>
      <c r="U99" s="2" t="s">
        <v>34</v>
      </c>
      <c r="V99" s="2" t="s">
        <v>34</v>
      </c>
    </row>
    <row r="100" spans="1:22" x14ac:dyDescent="0.25">
      <c r="A100" s="2" t="s">
        <v>21</v>
      </c>
      <c r="B100" s="3" t="s">
        <v>370</v>
      </c>
      <c r="C100" s="2" t="s">
        <v>371</v>
      </c>
      <c r="D100" s="4" t="s">
        <v>1824</v>
      </c>
      <c r="E100" s="2" t="s">
        <v>42</v>
      </c>
      <c r="F100" s="2" t="s">
        <v>383</v>
      </c>
      <c r="G100" s="8" t="s">
        <v>384</v>
      </c>
      <c r="H100" s="8" t="s">
        <v>45</v>
      </c>
      <c r="I100" s="2" t="s">
        <v>46</v>
      </c>
      <c r="J100" s="2" t="s">
        <v>385</v>
      </c>
      <c r="K100" s="2" t="s">
        <v>29</v>
      </c>
      <c r="L100" s="2" t="s">
        <v>30</v>
      </c>
      <c r="M100" s="2" t="s">
        <v>48</v>
      </c>
      <c r="N100" s="2" t="s">
        <v>49</v>
      </c>
      <c r="O100" s="2" t="s">
        <v>50</v>
      </c>
      <c r="P100" s="2" t="s">
        <v>34</v>
      </c>
      <c r="Q100" s="2" t="s">
        <v>34</v>
      </c>
      <c r="R100" s="2" t="s">
        <v>35</v>
      </c>
      <c r="S100" s="2" t="s">
        <v>386</v>
      </c>
      <c r="T100" s="2" t="s">
        <v>34</v>
      </c>
      <c r="U100" s="2" t="s">
        <v>34</v>
      </c>
      <c r="V100" s="2" t="s">
        <v>34</v>
      </c>
    </row>
    <row r="101" spans="1:22" x14ac:dyDescent="0.25">
      <c r="A101" s="2" t="s">
        <v>21</v>
      </c>
      <c r="B101" s="3" t="s">
        <v>370</v>
      </c>
      <c r="C101" s="2" t="s">
        <v>371</v>
      </c>
      <c r="D101" s="4" t="s">
        <v>1825</v>
      </c>
      <c r="E101" s="2" t="s">
        <v>42</v>
      </c>
      <c r="F101" s="2" t="s">
        <v>387</v>
      </c>
      <c r="G101" s="8" t="s">
        <v>388</v>
      </c>
      <c r="H101" s="8" t="s">
        <v>45</v>
      </c>
      <c r="I101" s="2" t="s">
        <v>46</v>
      </c>
      <c r="J101" s="2" t="s">
        <v>389</v>
      </c>
      <c r="K101" s="2" t="s">
        <v>29</v>
      </c>
      <c r="L101" s="2" t="s">
        <v>30</v>
      </c>
      <c r="M101" s="2" t="s">
        <v>48</v>
      </c>
      <c r="N101" s="2" t="s">
        <v>49</v>
      </c>
      <c r="O101" s="2" t="s">
        <v>50</v>
      </c>
      <c r="P101" s="2" t="s">
        <v>34</v>
      </c>
      <c r="Q101" s="2" t="s">
        <v>34</v>
      </c>
      <c r="R101" s="2" t="s">
        <v>35</v>
      </c>
      <c r="S101" s="2" t="s">
        <v>390</v>
      </c>
      <c r="T101" s="2" t="s">
        <v>34</v>
      </c>
      <c r="U101" s="2" t="s">
        <v>34</v>
      </c>
      <c r="V101" s="2" t="s">
        <v>34</v>
      </c>
    </row>
    <row r="102" spans="1:22" x14ac:dyDescent="0.25">
      <c r="A102" s="2" t="s">
        <v>21</v>
      </c>
      <c r="B102" s="3" t="s">
        <v>370</v>
      </c>
      <c r="C102" s="2" t="s">
        <v>371</v>
      </c>
      <c r="D102" s="4" t="s">
        <v>1826</v>
      </c>
      <c r="E102" s="2" t="s">
        <v>42</v>
      </c>
      <c r="F102" s="2" t="s">
        <v>391</v>
      </c>
      <c r="G102" s="8" t="s">
        <v>392</v>
      </c>
      <c r="H102" s="8" t="s">
        <v>45</v>
      </c>
      <c r="I102" s="2" t="s">
        <v>46</v>
      </c>
      <c r="J102" s="2" t="s">
        <v>393</v>
      </c>
      <c r="K102" s="2" t="s">
        <v>29</v>
      </c>
      <c r="L102" s="2" t="s">
        <v>30</v>
      </c>
      <c r="M102" s="2" t="s">
        <v>48</v>
      </c>
      <c r="N102" s="2" t="s">
        <v>49</v>
      </c>
      <c r="O102" s="2" t="s">
        <v>50</v>
      </c>
      <c r="P102" s="2" t="s">
        <v>34</v>
      </c>
      <c r="Q102" s="2" t="s">
        <v>34</v>
      </c>
      <c r="R102" s="2" t="s">
        <v>35</v>
      </c>
      <c r="S102" s="2" t="s">
        <v>394</v>
      </c>
      <c r="T102" s="2" t="s">
        <v>34</v>
      </c>
      <c r="U102" s="2" t="s">
        <v>34</v>
      </c>
      <c r="V102" s="2" t="s">
        <v>34</v>
      </c>
    </row>
    <row r="103" spans="1:22" x14ac:dyDescent="0.25">
      <c r="A103" s="2" t="s">
        <v>21</v>
      </c>
      <c r="B103" s="3" t="s">
        <v>370</v>
      </c>
      <c r="C103" s="2" t="s">
        <v>371</v>
      </c>
      <c r="D103" s="4" t="s">
        <v>1827</v>
      </c>
      <c r="E103" s="2" t="s">
        <v>42</v>
      </c>
      <c r="F103" s="2" t="s">
        <v>395</v>
      </c>
      <c r="G103" s="8" t="s">
        <v>396</v>
      </c>
      <c r="H103" s="8" t="s">
        <v>45</v>
      </c>
      <c r="I103" s="2" t="s">
        <v>46</v>
      </c>
      <c r="J103" s="2" t="s">
        <v>397</v>
      </c>
      <c r="K103" s="2" t="s">
        <v>29</v>
      </c>
      <c r="L103" s="2" t="s">
        <v>30</v>
      </c>
      <c r="M103" s="2" t="s">
        <v>48</v>
      </c>
      <c r="N103" s="2" t="s">
        <v>49</v>
      </c>
      <c r="O103" s="2" t="s">
        <v>50</v>
      </c>
      <c r="P103" s="2" t="s">
        <v>34</v>
      </c>
      <c r="Q103" s="2" t="s">
        <v>34</v>
      </c>
      <c r="R103" s="2" t="s">
        <v>35</v>
      </c>
      <c r="S103" s="2" t="s">
        <v>398</v>
      </c>
      <c r="T103" s="2" t="s">
        <v>34</v>
      </c>
      <c r="U103" s="2" t="s">
        <v>34</v>
      </c>
      <c r="V103" s="2" t="s">
        <v>34</v>
      </c>
    </row>
    <row r="104" spans="1:22" x14ac:dyDescent="0.25">
      <c r="A104" s="2" t="s">
        <v>21</v>
      </c>
      <c r="B104" s="3" t="s">
        <v>370</v>
      </c>
      <c r="C104" s="2" t="s">
        <v>371</v>
      </c>
      <c r="D104" s="4" t="s">
        <v>1828</v>
      </c>
      <c r="E104" s="2" t="s">
        <v>25</v>
      </c>
      <c r="F104" s="2" t="s">
        <v>399</v>
      </c>
      <c r="G104" s="8" t="s">
        <v>400</v>
      </c>
      <c r="H104" s="8" t="s">
        <v>27</v>
      </c>
      <c r="I104" s="2" t="s">
        <v>275</v>
      </c>
      <c r="J104" s="2" t="s">
        <v>402</v>
      </c>
      <c r="K104" s="2" t="s">
        <v>29</v>
      </c>
      <c r="L104" s="2" t="s">
        <v>30</v>
      </c>
      <c r="M104" s="2" t="s">
        <v>31</v>
      </c>
      <c r="N104" s="2" t="s">
        <v>32</v>
      </c>
      <c r="O104" s="2" t="s">
        <v>33</v>
      </c>
      <c r="P104" s="2" t="s">
        <v>34</v>
      </c>
      <c r="Q104" s="2" t="s">
        <v>34</v>
      </c>
      <c r="R104" s="2" t="s">
        <v>35</v>
      </c>
      <c r="S104" s="2" t="s">
        <v>403</v>
      </c>
      <c r="T104" s="2" t="s">
        <v>34</v>
      </c>
      <c r="U104" s="2" t="s">
        <v>34</v>
      </c>
      <c r="V104" s="2" t="s">
        <v>34</v>
      </c>
    </row>
    <row r="105" spans="1:22" x14ac:dyDescent="0.25">
      <c r="A105" s="2" t="s">
        <v>21</v>
      </c>
      <c r="B105" s="3" t="s">
        <v>370</v>
      </c>
      <c r="C105" s="2" t="s">
        <v>371</v>
      </c>
      <c r="D105" s="4" t="s">
        <v>1829</v>
      </c>
      <c r="E105" s="2" t="s">
        <v>84</v>
      </c>
      <c r="F105" s="2" t="s">
        <v>330</v>
      </c>
      <c r="G105" s="8" t="s">
        <v>404</v>
      </c>
      <c r="H105" s="8" t="s">
        <v>86</v>
      </c>
      <c r="I105" s="2" t="s">
        <v>34</v>
      </c>
      <c r="J105" s="2" t="s">
        <v>405</v>
      </c>
      <c r="K105" s="2" t="s">
        <v>29</v>
      </c>
      <c r="L105" s="2" t="s">
        <v>30</v>
      </c>
      <c r="M105" s="2" t="s">
        <v>31</v>
      </c>
      <c r="N105" s="2" t="s">
        <v>49</v>
      </c>
      <c r="O105" s="2" t="s">
        <v>33</v>
      </c>
      <c r="P105" s="2" t="s">
        <v>34</v>
      </c>
      <c r="Q105" s="2" t="s">
        <v>34</v>
      </c>
      <c r="R105" s="2" t="s">
        <v>35</v>
      </c>
      <c r="S105" s="2" t="s">
        <v>406</v>
      </c>
      <c r="T105" s="2" t="s">
        <v>34</v>
      </c>
      <c r="U105" s="2" t="s">
        <v>34</v>
      </c>
      <c r="V105" s="2" t="s">
        <v>34</v>
      </c>
    </row>
    <row r="106" spans="1:22" x14ac:dyDescent="0.25">
      <c r="A106" s="2" t="s">
        <v>21</v>
      </c>
      <c r="B106" s="3" t="s">
        <v>370</v>
      </c>
      <c r="C106" s="2" t="s">
        <v>371</v>
      </c>
      <c r="D106" s="4" t="s">
        <v>1830</v>
      </c>
      <c r="E106" s="2" t="s">
        <v>1831</v>
      </c>
      <c r="F106" s="2" t="s">
        <v>34</v>
      </c>
      <c r="G106" s="8" t="s">
        <v>34</v>
      </c>
      <c r="H106" s="8" t="s">
        <v>34</v>
      </c>
      <c r="I106" s="2" t="s">
        <v>1832</v>
      </c>
      <c r="J106" s="2" t="s">
        <v>1833</v>
      </c>
      <c r="K106" s="2" t="s">
        <v>115</v>
      </c>
      <c r="L106" s="2" t="s">
        <v>34</v>
      </c>
      <c r="M106" s="2" t="s">
        <v>31</v>
      </c>
      <c r="N106" s="2" t="s">
        <v>206</v>
      </c>
      <c r="O106" s="2" t="s">
        <v>1266</v>
      </c>
      <c r="P106" s="2" t="s">
        <v>34</v>
      </c>
      <c r="Q106" s="2" t="s">
        <v>34</v>
      </c>
      <c r="R106" s="2" t="s">
        <v>35</v>
      </c>
      <c r="S106" s="2" t="s">
        <v>1834</v>
      </c>
      <c r="T106" s="2" t="s">
        <v>34</v>
      </c>
      <c r="U106" s="2" t="s">
        <v>34</v>
      </c>
      <c r="V106" s="2" t="s">
        <v>34</v>
      </c>
    </row>
    <row r="107" spans="1:22" x14ac:dyDescent="0.25">
      <c r="A107" s="2" t="s">
        <v>21</v>
      </c>
      <c r="B107" s="3" t="s">
        <v>370</v>
      </c>
      <c r="C107" s="2" t="s">
        <v>371</v>
      </c>
      <c r="D107" s="4" t="s">
        <v>1835</v>
      </c>
      <c r="E107" s="2" t="s">
        <v>99</v>
      </c>
      <c r="F107" s="2" t="s">
        <v>408</v>
      </c>
      <c r="G107" s="8" t="s">
        <v>60</v>
      </c>
      <c r="H107" s="8" t="s">
        <v>45</v>
      </c>
      <c r="I107" s="2" t="s">
        <v>409</v>
      </c>
      <c r="J107" s="2" t="s">
        <v>410</v>
      </c>
      <c r="K107" s="2" t="s">
        <v>29</v>
      </c>
      <c r="L107" s="2" t="s">
        <v>30</v>
      </c>
      <c r="M107" s="2" t="s">
        <v>31</v>
      </c>
      <c r="N107" s="2" t="s">
        <v>104</v>
      </c>
      <c r="O107" s="2" t="s">
        <v>33</v>
      </c>
      <c r="P107" s="2" t="s">
        <v>34</v>
      </c>
      <c r="Q107" s="2" t="s">
        <v>34</v>
      </c>
      <c r="R107" s="2" t="s">
        <v>35</v>
      </c>
      <c r="S107" s="2" t="s">
        <v>411</v>
      </c>
      <c r="T107" s="2" t="s">
        <v>34</v>
      </c>
      <c r="U107" s="2" t="s">
        <v>34</v>
      </c>
      <c r="V107" s="2" t="s">
        <v>34</v>
      </c>
    </row>
    <row r="108" spans="1:22" x14ac:dyDescent="0.25">
      <c r="A108" s="2" t="s">
        <v>21</v>
      </c>
      <c r="B108" s="3" t="s">
        <v>370</v>
      </c>
      <c r="C108" s="2" t="s">
        <v>371</v>
      </c>
      <c r="D108" s="4" t="s">
        <v>1836</v>
      </c>
      <c r="E108" s="2" t="s">
        <v>99</v>
      </c>
      <c r="F108" s="2" t="s">
        <v>412</v>
      </c>
      <c r="G108" s="8" t="s">
        <v>65</v>
      </c>
      <c r="H108" s="8" t="s">
        <v>45</v>
      </c>
      <c r="I108" s="2" t="s">
        <v>413</v>
      </c>
      <c r="J108" s="2" t="s">
        <v>414</v>
      </c>
      <c r="K108" s="2" t="s">
        <v>29</v>
      </c>
      <c r="L108" s="2" t="s">
        <v>30</v>
      </c>
      <c r="M108" s="2" t="s">
        <v>31</v>
      </c>
      <c r="N108" s="2" t="s">
        <v>104</v>
      </c>
      <c r="O108" s="2" t="s">
        <v>33</v>
      </c>
      <c r="P108" s="2" t="s">
        <v>34</v>
      </c>
      <c r="Q108" s="2" t="s">
        <v>34</v>
      </c>
      <c r="R108" s="2" t="s">
        <v>35</v>
      </c>
      <c r="S108" s="2" t="s">
        <v>415</v>
      </c>
      <c r="T108" s="2" t="s">
        <v>34</v>
      </c>
      <c r="U108" s="2" t="s">
        <v>34</v>
      </c>
      <c r="V108" s="2" t="s">
        <v>34</v>
      </c>
    </row>
    <row r="109" spans="1:22" x14ac:dyDescent="0.25">
      <c r="A109" s="2" t="s">
        <v>21</v>
      </c>
      <c r="B109" s="3" t="s">
        <v>370</v>
      </c>
      <c r="C109" s="2" t="s">
        <v>371</v>
      </c>
      <c r="D109" s="4" t="s">
        <v>1837</v>
      </c>
      <c r="E109" s="2" t="s">
        <v>99</v>
      </c>
      <c r="F109" s="2" t="s">
        <v>416</v>
      </c>
      <c r="G109" s="8" t="s">
        <v>70</v>
      </c>
      <c r="H109" s="8" t="s">
        <v>45</v>
      </c>
      <c r="I109" s="2" t="s">
        <v>102</v>
      </c>
      <c r="J109" s="2" t="s">
        <v>417</v>
      </c>
      <c r="K109" s="2" t="s">
        <v>29</v>
      </c>
      <c r="L109" s="2" t="s">
        <v>30</v>
      </c>
      <c r="M109" s="2" t="s">
        <v>31</v>
      </c>
      <c r="N109" s="2" t="s">
        <v>104</v>
      </c>
      <c r="O109" s="2" t="s">
        <v>33</v>
      </c>
      <c r="P109" s="2" t="s">
        <v>34</v>
      </c>
      <c r="Q109" s="2" t="s">
        <v>34</v>
      </c>
      <c r="R109" s="2" t="s">
        <v>35</v>
      </c>
      <c r="S109" s="2" t="s">
        <v>418</v>
      </c>
      <c r="T109" s="2" t="s">
        <v>34</v>
      </c>
      <c r="U109" s="2" t="s">
        <v>34</v>
      </c>
      <c r="V109" s="2" t="s">
        <v>34</v>
      </c>
    </row>
    <row r="110" spans="1:22" x14ac:dyDescent="0.25">
      <c r="A110" s="2" t="s">
        <v>21</v>
      </c>
      <c r="B110" s="3" t="s">
        <v>370</v>
      </c>
      <c r="C110" s="2" t="s">
        <v>371</v>
      </c>
      <c r="D110" s="4" t="s">
        <v>1838</v>
      </c>
      <c r="E110" s="2" t="s">
        <v>99</v>
      </c>
      <c r="F110" s="2" t="s">
        <v>420</v>
      </c>
      <c r="G110" s="8" t="s">
        <v>75</v>
      </c>
      <c r="H110" s="8" t="s">
        <v>45</v>
      </c>
      <c r="I110" s="2" t="s">
        <v>102</v>
      </c>
      <c r="J110" s="2" t="s">
        <v>421</v>
      </c>
      <c r="K110" s="2" t="s">
        <v>29</v>
      </c>
      <c r="L110" s="2" t="s">
        <v>30</v>
      </c>
      <c r="M110" s="2" t="s">
        <v>31</v>
      </c>
      <c r="N110" s="2" t="s">
        <v>104</v>
      </c>
      <c r="O110" s="2" t="s">
        <v>33</v>
      </c>
      <c r="P110" s="2" t="s">
        <v>34</v>
      </c>
      <c r="Q110" s="2" t="s">
        <v>34</v>
      </c>
      <c r="R110" s="2" t="s">
        <v>35</v>
      </c>
      <c r="S110" s="2" t="s">
        <v>422</v>
      </c>
      <c r="T110" s="2" t="s">
        <v>34</v>
      </c>
      <c r="U110" s="2" t="s">
        <v>34</v>
      </c>
      <c r="V110" s="2" t="s">
        <v>34</v>
      </c>
    </row>
    <row r="111" spans="1:22" x14ac:dyDescent="0.25">
      <c r="A111" s="2" t="s">
        <v>21</v>
      </c>
      <c r="B111" s="3" t="s">
        <v>370</v>
      </c>
      <c r="C111" s="2" t="s">
        <v>371</v>
      </c>
      <c r="D111" s="4" t="s">
        <v>1839</v>
      </c>
      <c r="E111" s="2" t="s">
        <v>228</v>
      </c>
      <c r="F111" s="2" t="s">
        <v>423</v>
      </c>
      <c r="G111" s="8" t="s">
        <v>424</v>
      </c>
      <c r="H111" s="8" t="s">
        <v>27</v>
      </c>
      <c r="I111" s="2" t="s">
        <v>425</v>
      </c>
      <c r="J111" s="2" t="s">
        <v>426</v>
      </c>
      <c r="K111" s="2" t="s">
        <v>29</v>
      </c>
      <c r="L111" s="2" t="s">
        <v>34</v>
      </c>
      <c r="M111" s="2" t="s">
        <v>116</v>
      </c>
      <c r="N111" s="2" t="s">
        <v>104</v>
      </c>
      <c r="O111" s="2" t="s">
        <v>33</v>
      </c>
      <c r="P111" s="2" t="s">
        <v>34</v>
      </c>
      <c r="Q111" s="2" t="s">
        <v>34</v>
      </c>
      <c r="R111" s="2" t="s">
        <v>35</v>
      </c>
      <c r="S111" s="2" t="s">
        <v>427</v>
      </c>
      <c r="T111" s="2" t="s">
        <v>34</v>
      </c>
      <c r="U111" s="2" t="s">
        <v>34</v>
      </c>
      <c r="V111" s="2" t="s">
        <v>34</v>
      </c>
    </row>
    <row r="112" spans="1:22" x14ac:dyDescent="0.25">
      <c r="A112" s="2" t="s">
        <v>21</v>
      </c>
      <c r="B112" s="3" t="s">
        <v>370</v>
      </c>
      <c r="C112" s="2" t="s">
        <v>371</v>
      </c>
      <c r="D112" s="4" t="s">
        <v>1840</v>
      </c>
      <c r="E112" s="2" t="s">
        <v>228</v>
      </c>
      <c r="F112" s="2" t="s">
        <v>428</v>
      </c>
      <c r="G112" s="8" t="s">
        <v>429</v>
      </c>
      <c r="H112" s="8" t="s">
        <v>27</v>
      </c>
      <c r="I112" s="2" t="s">
        <v>425</v>
      </c>
      <c r="J112" s="2" t="s">
        <v>430</v>
      </c>
      <c r="K112" s="2" t="s">
        <v>29</v>
      </c>
      <c r="L112" s="2" t="s">
        <v>34</v>
      </c>
      <c r="M112" s="2" t="s">
        <v>116</v>
      </c>
      <c r="N112" s="2" t="s">
        <v>104</v>
      </c>
      <c r="O112" s="2" t="s">
        <v>33</v>
      </c>
      <c r="P112" s="2" t="s">
        <v>34</v>
      </c>
      <c r="Q112" s="2" t="s">
        <v>34</v>
      </c>
      <c r="R112" s="2" t="s">
        <v>35</v>
      </c>
      <c r="S112" s="2" t="s">
        <v>431</v>
      </c>
      <c r="T112" s="2" t="s">
        <v>34</v>
      </c>
      <c r="U112" s="2" t="s">
        <v>34</v>
      </c>
      <c r="V112" s="2" t="s">
        <v>34</v>
      </c>
    </row>
    <row r="113" spans="1:22" x14ac:dyDescent="0.25">
      <c r="A113" s="2" t="s">
        <v>21</v>
      </c>
      <c r="B113" s="3" t="s">
        <v>370</v>
      </c>
      <c r="C113" s="2" t="s">
        <v>371</v>
      </c>
      <c r="D113" s="4" t="s">
        <v>1841</v>
      </c>
      <c r="E113" s="2" t="s">
        <v>228</v>
      </c>
      <c r="F113" s="2" t="s">
        <v>432</v>
      </c>
      <c r="G113" s="8" t="s">
        <v>283</v>
      </c>
      <c r="H113" s="8" t="s">
        <v>27</v>
      </c>
      <c r="I113" s="2" t="s">
        <v>425</v>
      </c>
      <c r="J113" s="2" t="s">
        <v>433</v>
      </c>
      <c r="K113" s="2" t="s">
        <v>29</v>
      </c>
      <c r="L113" s="2" t="s">
        <v>34</v>
      </c>
      <c r="M113" s="2" t="s">
        <v>116</v>
      </c>
      <c r="N113" s="2" t="s">
        <v>104</v>
      </c>
      <c r="O113" s="2" t="s">
        <v>33</v>
      </c>
      <c r="P113" s="2" t="s">
        <v>34</v>
      </c>
      <c r="Q113" s="2" t="s">
        <v>34</v>
      </c>
      <c r="R113" s="2" t="s">
        <v>35</v>
      </c>
      <c r="S113" s="2" t="s">
        <v>434</v>
      </c>
      <c r="T113" s="2" t="s">
        <v>34</v>
      </c>
      <c r="U113" s="2" t="s">
        <v>34</v>
      </c>
      <c r="V113" s="2" t="s">
        <v>34</v>
      </c>
    </row>
    <row r="114" spans="1:22" x14ac:dyDescent="0.25">
      <c r="A114" s="2" t="s">
        <v>21</v>
      </c>
      <c r="B114" s="3" t="s">
        <v>370</v>
      </c>
      <c r="C114" s="2" t="s">
        <v>371</v>
      </c>
      <c r="D114" s="4" t="s">
        <v>1842</v>
      </c>
      <c r="E114" s="2" t="s">
        <v>228</v>
      </c>
      <c r="F114" s="2" t="s">
        <v>435</v>
      </c>
      <c r="G114" s="8" t="s">
        <v>400</v>
      </c>
      <c r="H114" s="8" t="s">
        <v>27</v>
      </c>
      <c r="I114" s="2" t="s">
        <v>425</v>
      </c>
      <c r="J114" s="2" t="s">
        <v>436</v>
      </c>
      <c r="K114" s="2" t="s">
        <v>29</v>
      </c>
      <c r="L114" s="2" t="s">
        <v>34</v>
      </c>
      <c r="M114" s="2" t="s">
        <v>116</v>
      </c>
      <c r="N114" s="2" t="s">
        <v>104</v>
      </c>
      <c r="O114" s="2" t="s">
        <v>33</v>
      </c>
      <c r="P114" s="2" t="s">
        <v>34</v>
      </c>
      <c r="Q114" s="2" t="s">
        <v>34</v>
      </c>
      <c r="R114" s="2" t="s">
        <v>35</v>
      </c>
      <c r="S114" s="2" t="s">
        <v>437</v>
      </c>
      <c r="T114" s="2" t="s">
        <v>34</v>
      </c>
      <c r="U114" s="2" t="s">
        <v>34</v>
      </c>
      <c r="V114" s="2" t="s">
        <v>34</v>
      </c>
    </row>
    <row r="115" spans="1:22" x14ac:dyDescent="0.25">
      <c r="A115" s="2" t="s">
        <v>21</v>
      </c>
      <c r="B115" s="3" t="s">
        <v>370</v>
      </c>
      <c r="C115" s="2" t="s">
        <v>371</v>
      </c>
      <c r="D115" s="4" t="s">
        <v>1843</v>
      </c>
      <c r="E115" s="2" t="s">
        <v>42</v>
      </c>
      <c r="F115" s="2" t="s">
        <v>391</v>
      </c>
      <c r="G115" s="8" t="s">
        <v>392</v>
      </c>
      <c r="H115" s="8" t="s">
        <v>45</v>
      </c>
      <c r="I115" s="2" t="s">
        <v>46</v>
      </c>
      <c r="J115" s="2" t="s">
        <v>393</v>
      </c>
      <c r="K115" s="2" t="s">
        <v>29</v>
      </c>
      <c r="L115" s="2" t="s">
        <v>30</v>
      </c>
      <c r="M115" s="2" t="s">
        <v>48</v>
      </c>
      <c r="N115" s="2" t="s">
        <v>49</v>
      </c>
      <c r="O115" s="2" t="s">
        <v>50</v>
      </c>
      <c r="P115" s="2" t="s">
        <v>34</v>
      </c>
      <c r="Q115" s="2" t="s">
        <v>34</v>
      </c>
      <c r="R115" s="2" t="s">
        <v>35</v>
      </c>
      <c r="S115" s="2" t="s">
        <v>394</v>
      </c>
      <c r="T115" s="2" t="s">
        <v>34</v>
      </c>
      <c r="U115" s="2" t="s">
        <v>34</v>
      </c>
      <c r="V115" s="2" t="s">
        <v>34</v>
      </c>
    </row>
    <row r="116" spans="1:22" x14ac:dyDescent="0.25">
      <c r="A116" s="2" t="s">
        <v>21</v>
      </c>
      <c r="B116" s="3" t="s">
        <v>370</v>
      </c>
      <c r="C116" s="2" t="s">
        <v>371</v>
      </c>
      <c r="D116" s="4" t="s">
        <v>1844</v>
      </c>
      <c r="E116" s="2" t="s">
        <v>42</v>
      </c>
      <c r="F116" s="2" t="s">
        <v>395</v>
      </c>
      <c r="G116" s="8" t="s">
        <v>396</v>
      </c>
      <c r="H116" s="8" t="s">
        <v>45</v>
      </c>
      <c r="I116" s="2" t="s">
        <v>46</v>
      </c>
      <c r="J116" s="2" t="s">
        <v>397</v>
      </c>
      <c r="K116" s="2" t="s">
        <v>29</v>
      </c>
      <c r="L116" s="2" t="s">
        <v>30</v>
      </c>
      <c r="M116" s="2" t="s">
        <v>48</v>
      </c>
      <c r="N116" s="2" t="s">
        <v>49</v>
      </c>
      <c r="O116" s="2" t="s">
        <v>50</v>
      </c>
      <c r="P116" s="2" t="s">
        <v>34</v>
      </c>
      <c r="Q116" s="2" t="s">
        <v>34</v>
      </c>
      <c r="R116" s="2" t="s">
        <v>35</v>
      </c>
      <c r="S116" s="2" t="s">
        <v>398</v>
      </c>
      <c r="T116" s="2" t="s">
        <v>34</v>
      </c>
      <c r="U116" s="2" t="s">
        <v>34</v>
      </c>
      <c r="V116" s="2" t="s">
        <v>34</v>
      </c>
    </row>
    <row r="117" spans="1:22" x14ac:dyDescent="0.25">
      <c r="A117" s="2" t="s">
        <v>21</v>
      </c>
      <c r="B117" s="3" t="s">
        <v>370</v>
      </c>
      <c r="C117" s="2" t="s">
        <v>371</v>
      </c>
      <c r="D117" s="4" t="s">
        <v>1845</v>
      </c>
      <c r="E117" s="2" t="s">
        <v>42</v>
      </c>
      <c r="F117" s="2" t="s">
        <v>438</v>
      </c>
      <c r="G117" s="8" t="s">
        <v>439</v>
      </c>
      <c r="H117" s="8" t="s">
        <v>45</v>
      </c>
      <c r="I117" s="2" t="s">
        <v>46</v>
      </c>
      <c r="J117" s="2" t="s">
        <v>440</v>
      </c>
      <c r="K117" s="2" t="s">
        <v>29</v>
      </c>
      <c r="L117" s="2" t="s">
        <v>30</v>
      </c>
      <c r="M117" s="2" t="s">
        <v>48</v>
      </c>
      <c r="N117" s="2" t="s">
        <v>49</v>
      </c>
      <c r="O117" s="2" t="s">
        <v>50</v>
      </c>
      <c r="P117" s="2" t="s">
        <v>34</v>
      </c>
      <c r="Q117" s="2" t="s">
        <v>34</v>
      </c>
      <c r="R117" s="2" t="s">
        <v>35</v>
      </c>
      <c r="S117" s="2" t="s">
        <v>441</v>
      </c>
      <c r="T117" s="2" t="s">
        <v>34</v>
      </c>
      <c r="U117" s="2" t="s">
        <v>34</v>
      </c>
      <c r="V117" s="2" t="s">
        <v>34</v>
      </c>
    </row>
    <row r="118" spans="1:22" x14ac:dyDescent="0.25">
      <c r="A118" s="2" t="s">
        <v>21</v>
      </c>
      <c r="B118" s="3" t="s">
        <v>370</v>
      </c>
      <c r="C118" s="2" t="s">
        <v>371</v>
      </c>
      <c r="D118" s="4" t="s">
        <v>1846</v>
      </c>
      <c r="E118" s="2" t="s">
        <v>42</v>
      </c>
      <c r="F118" s="2" t="s">
        <v>442</v>
      </c>
      <c r="G118" s="8" t="s">
        <v>181</v>
      </c>
      <c r="H118" s="8" t="s">
        <v>45</v>
      </c>
      <c r="I118" s="2" t="s">
        <v>46</v>
      </c>
      <c r="J118" s="2" t="s">
        <v>443</v>
      </c>
      <c r="K118" s="2" t="s">
        <v>29</v>
      </c>
      <c r="L118" s="2" t="s">
        <v>30</v>
      </c>
      <c r="M118" s="2" t="s">
        <v>48</v>
      </c>
      <c r="N118" s="2" t="s">
        <v>49</v>
      </c>
      <c r="O118" s="2" t="s">
        <v>50</v>
      </c>
      <c r="P118" s="2" t="s">
        <v>34</v>
      </c>
      <c r="Q118" s="2" t="s">
        <v>34</v>
      </c>
      <c r="R118" s="2" t="s">
        <v>35</v>
      </c>
      <c r="S118" s="2" t="s">
        <v>444</v>
      </c>
      <c r="T118" s="2" t="s">
        <v>34</v>
      </c>
      <c r="U118" s="2" t="s">
        <v>34</v>
      </c>
      <c r="V118" s="2" t="s">
        <v>34</v>
      </c>
    </row>
    <row r="119" spans="1:22" x14ac:dyDescent="0.25">
      <c r="A119" s="2" t="s">
        <v>21</v>
      </c>
      <c r="B119" s="3" t="s">
        <v>370</v>
      </c>
      <c r="C119" s="2" t="s">
        <v>371</v>
      </c>
      <c r="D119" s="4" t="s">
        <v>1847</v>
      </c>
      <c r="E119" s="2" t="s">
        <v>42</v>
      </c>
      <c r="F119" s="2" t="s">
        <v>445</v>
      </c>
      <c r="G119" s="8" t="s">
        <v>324</v>
      </c>
      <c r="H119" s="8" t="s">
        <v>45</v>
      </c>
      <c r="I119" s="2" t="s">
        <v>55</v>
      </c>
      <c r="J119" s="2" t="s">
        <v>446</v>
      </c>
      <c r="K119" s="2" t="s">
        <v>29</v>
      </c>
      <c r="L119" s="2" t="s">
        <v>30</v>
      </c>
      <c r="M119" s="2" t="s">
        <v>48</v>
      </c>
      <c r="N119" s="2" t="s">
        <v>49</v>
      </c>
      <c r="O119" s="2" t="s">
        <v>50</v>
      </c>
      <c r="P119" s="2" t="s">
        <v>34</v>
      </c>
      <c r="Q119" s="2" t="s">
        <v>34</v>
      </c>
      <c r="R119" s="2" t="s">
        <v>35</v>
      </c>
      <c r="S119" s="2" t="s">
        <v>447</v>
      </c>
      <c r="T119" s="2" t="s">
        <v>34</v>
      </c>
      <c r="U119" s="2" t="s">
        <v>34</v>
      </c>
      <c r="V119" s="2" t="s">
        <v>34</v>
      </c>
    </row>
    <row r="120" spans="1:22" x14ac:dyDescent="0.25">
      <c r="A120" s="2" t="s">
        <v>21</v>
      </c>
      <c r="B120" s="3" t="s">
        <v>370</v>
      </c>
      <c r="C120" s="2" t="s">
        <v>371</v>
      </c>
      <c r="D120" s="4" t="s">
        <v>1848</v>
      </c>
      <c r="E120" s="2" t="s">
        <v>42</v>
      </c>
      <c r="F120" s="2" t="s">
        <v>448</v>
      </c>
      <c r="G120" s="8" t="s">
        <v>449</v>
      </c>
      <c r="H120" s="8" t="s">
        <v>45</v>
      </c>
      <c r="I120" s="2" t="s">
        <v>46</v>
      </c>
      <c r="J120" s="2" t="s">
        <v>450</v>
      </c>
      <c r="K120" s="2" t="s">
        <v>29</v>
      </c>
      <c r="L120" s="2" t="s">
        <v>30</v>
      </c>
      <c r="M120" s="2" t="s">
        <v>48</v>
      </c>
      <c r="N120" s="2" t="s">
        <v>49</v>
      </c>
      <c r="O120" s="2" t="s">
        <v>50</v>
      </c>
      <c r="P120" s="2" t="s">
        <v>34</v>
      </c>
      <c r="Q120" s="2" t="s">
        <v>34</v>
      </c>
      <c r="R120" s="2" t="s">
        <v>35</v>
      </c>
      <c r="S120" s="2" t="s">
        <v>451</v>
      </c>
      <c r="T120" s="2" t="s">
        <v>34</v>
      </c>
      <c r="U120" s="2" t="s">
        <v>34</v>
      </c>
      <c r="V120" s="2" t="s">
        <v>34</v>
      </c>
    </row>
    <row r="121" spans="1:22" x14ac:dyDescent="0.25">
      <c r="A121" s="2" t="s">
        <v>21</v>
      </c>
      <c r="B121" s="3" t="s">
        <v>370</v>
      </c>
      <c r="C121" s="2" t="s">
        <v>371</v>
      </c>
      <c r="D121" s="4" t="s">
        <v>1849</v>
      </c>
      <c r="E121" s="2" t="s">
        <v>42</v>
      </c>
      <c r="F121" s="2" t="s">
        <v>452</v>
      </c>
      <c r="G121" s="8" t="s">
        <v>453</v>
      </c>
      <c r="H121" s="8" t="s">
        <v>45</v>
      </c>
      <c r="I121" s="2" t="s">
        <v>46</v>
      </c>
      <c r="J121" s="2" t="s">
        <v>34</v>
      </c>
      <c r="K121" s="2" t="s">
        <v>29</v>
      </c>
      <c r="L121" s="2" t="s">
        <v>30</v>
      </c>
      <c r="M121" s="2" t="s">
        <v>48</v>
      </c>
      <c r="N121" s="2" t="s">
        <v>49</v>
      </c>
      <c r="O121" s="2" t="s">
        <v>50</v>
      </c>
      <c r="P121" s="2" t="s">
        <v>34</v>
      </c>
      <c r="Q121" s="2" t="s">
        <v>34</v>
      </c>
      <c r="R121" s="2" t="s">
        <v>35</v>
      </c>
      <c r="S121" s="2" t="s">
        <v>454</v>
      </c>
      <c r="T121" s="2" t="s">
        <v>34</v>
      </c>
      <c r="U121" s="2" t="s">
        <v>34</v>
      </c>
      <c r="V121" s="2" t="s">
        <v>34</v>
      </c>
    </row>
    <row r="122" spans="1:22" x14ac:dyDescent="0.25">
      <c r="A122" s="2" t="s">
        <v>21</v>
      </c>
      <c r="B122" s="3" t="s">
        <v>370</v>
      </c>
      <c r="C122" s="2" t="s">
        <v>371</v>
      </c>
      <c r="D122" s="4" t="s">
        <v>1850</v>
      </c>
      <c r="E122" s="2" t="s">
        <v>42</v>
      </c>
      <c r="F122" s="2" t="s">
        <v>128</v>
      </c>
      <c r="G122" s="8" t="s">
        <v>86</v>
      </c>
      <c r="H122" s="8" t="s">
        <v>45</v>
      </c>
      <c r="I122" s="2" t="s">
        <v>55</v>
      </c>
      <c r="J122" s="2" t="s">
        <v>129</v>
      </c>
      <c r="K122" s="2" t="s">
        <v>29</v>
      </c>
      <c r="L122" s="2" t="s">
        <v>30</v>
      </c>
      <c r="M122" s="2" t="s">
        <v>48</v>
      </c>
      <c r="N122" s="2" t="s">
        <v>49</v>
      </c>
      <c r="O122" s="2" t="s">
        <v>50</v>
      </c>
      <c r="P122" s="2" t="s">
        <v>34</v>
      </c>
      <c r="Q122" s="2" t="s">
        <v>34</v>
      </c>
      <c r="R122" s="2" t="s">
        <v>35</v>
      </c>
      <c r="S122" s="2" t="s">
        <v>130</v>
      </c>
      <c r="T122" s="2" t="s">
        <v>34</v>
      </c>
      <c r="U122" s="2" t="s">
        <v>34</v>
      </c>
      <c r="V122" s="2" t="s">
        <v>34</v>
      </c>
    </row>
    <row r="123" spans="1:22" x14ac:dyDescent="0.25">
      <c r="A123" s="2" t="s">
        <v>21</v>
      </c>
      <c r="B123" s="3" t="s">
        <v>370</v>
      </c>
      <c r="C123" s="2" t="s">
        <v>371</v>
      </c>
      <c r="D123" s="4" t="s">
        <v>1851</v>
      </c>
      <c r="E123" s="2" t="s">
        <v>42</v>
      </c>
      <c r="F123" s="2" t="s">
        <v>457</v>
      </c>
      <c r="G123" s="8" t="s">
        <v>458</v>
      </c>
      <c r="H123" s="8" t="s">
        <v>45</v>
      </c>
      <c r="I123" s="2" t="s">
        <v>46</v>
      </c>
      <c r="J123" s="2" t="s">
        <v>34</v>
      </c>
      <c r="K123" s="2" t="s">
        <v>29</v>
      </c>
      <c r="L123" s="2" t="s">
        <v>30</v>
      </c>
      <c r="M123" s="2" t="s">
        <v>48</v>
      </c>
      <c r="N123" s="2" t="s">
        <v>49</v>
      </c>
      <c r="O123" s="2" t="s">
        <v>50</v>
      </c>
      <c r="P123" s="2" t="s">
        <v>34</v>
      </c>
      <c r="Q123" s="2" t="s">
        <v>34</v>
      </c>
      <c r="R123" s="2" t="s">
        <v>35</v>
      </c>
      <c r="S123" s="2" t="s">
        <v>459</v>
      </c>
      <c r="T123" s="2" t="s">
        <v>34</v>
      </c>
      <c r="U123" s="2" t="s">
        <v>34</v>
      </c>
      <c r="V123" s="2" t="s">
        <v>34</v>
      </c>
    </row>
    <row r="124" spans="1:22" x14ac:dyDescent="0.25">
      <c r="A124" s="2" t="s">
        <v>21</v>
      </c>
      <c r="B124" s="3" t="s">
        <v>370</v>
      </c>
      <c r="C124" s="2" t="s">
        <v>371</v>
      </c>
      <c r="D124" s="4" t="s">
        <v>1852</v>
      </c>
      <c r="E124" s="2" t="s">
        <v>42</v>
      </c>
      <c r="F124" s="2" t="s">
        <v>460</v>
      </c>
      <c r="G124" s="8" t="s">
        <v>424</v>
      </c>
      <c r="H124" s="8" t="s">
        <v>45</v>
      </c>
      <c r="I124" s="2" t="s">
        <v>46</v>
      </c>
      <c r="J124" s="2" t="s">
        <v>461</v>
      </c>
      <c r="K124" s="2" t="s">
        <v>29</v>
      </c>
      <c r="L124" s="2" t="s">
        <v>30</v>
      </c>
      <c r="M124" s="2" t="s">
        <v>48</v>
      </c>
      <c r="N124" s="2" t="s">
        <v>49</v>
      </c>
      <c r="O124" s="2" t="s">
        <v>50</v>
      </c>
      <c r="P124" s="2" t="s">
        <v>34</v>
      </c>
      <c r="Q124" s="2" t="s">
        <v>34</v>
      </c>
      <c r="R124" s="2" t="s">
        <v>35</v>
      </c>
      <c r="S124" s="2" t="s">
        <v>462</v>
      </c>
      <c r="T124" s="2" t="s">
        <v>34</v>
      </c>
      <c r="U124" s="2" t="s">
        <v>34</v>
      </c>
      <c r="V124" s="2" t="s">
        <v>34</v>
      </c>
    </row>
    <row r="125" spans="1:22" x14ac:dyDescent="0.25">
      <c r="A125" s="2" t="s">
        <v>21</v>
      </c>
      <c r="B125" s="3" t="s">
        <v>370</v>
      </c>
      <c r="C125" s="2" t="s">
        <v>371</v>
      </c>
      <c r="D125" s="4" t="s">
        <v>1853</v>
      </c>
      <c r="E125" s="2" t="s">
        <v>42</v>
      </c>
      <c r="F125" s="2" t="s">
        <v>464</v>
      </c>
      <c r="G125" s="8" t="s">
        <v>429</v>
      </c>
      <c r="H125" s="8" t="s">
        <v>45</v>
      </c>
      <c r="I125" s="2" t="s">
        <v>46</v>
      </c>
      <c r="J125" s="2" t="s">
        <v>465</v>
      </c>
      <c r="K125" s="2" t="s">
        <v>29</v>
      </c>
      <c r="L125" s="2" t="s">
        <v>30</v>
      </c>
      <c r="M125" s="2" t="s">
        <v>48</v>
      </c>
      <c r="N125" s="2" t="s">
        <v>49</v>
      </c>
      <c r="O125" s="2" t="s">
        <v>50</v>
      </c>
      <c r="P125" s="2" t="s">
        <v>34</v>
      </c>
      <c r="Q125" s="2" t="s">
        <v>34</v>
      </c>
      <c r="R125" s="2" t="s">
        <v>35</v>
      </c>
      <c r="S125" s="2" t="s">
        <v>466</v>
      </c>
      <c r="T125" s="2" t="s">
        <v>34</v>
      </c>
      <c r="U125" s="2" t="s">
        <v>34</v>
      </c>
      <c r="V125" s="2" t="s">
        <v>34</v>
      </c>
    </row>
    <row r="126" spans="1:22" x14ac:dyDescent="0.25">
      <c r="A126" s="2" t="s">
        <v>21</v>
      </c>
      <c r="B126" s="3" t="s">
        <v>370</v>
      </c>
      <c r="C126" s="2" t="s">
        <v>371</v>
      </c>
      <c r="D126" s="4" t="s">
        <v>1854</v>
      </c>
      <c r="E126" s="2" t="s">
        <v>42</v>
      </c>
      <c r="F126" s="2" t="s">
        <v>468</v>
      </c>
      <c r="G126" s="8" t="s">
        <v>400</v>
      </c>
      <c r="H126" s="8" t="s">
        <v>45</v>
      </c>
      <c r="I126" s="2" t="s">
        <v>46</v>
      </c>
      <c r="J126" s="2" t="s">
        <v>469</v>
      </c>
      <c r="K126" s="2" t="s">
        <v>29</v>
      </c>
      <c r="L126" s="2" t="s">
        <v>30</v>
      </c>
      <c r="M126" s="2" t="s">
        <v>48</v>
      </c>
      <c r="N126" s="2" t="s">
        <v>49</v>
      </c>
      <c r="O126" s="2" t="s">
        <v>50</v>
      </c>
      <c r="P126" s="2" t="s">
        <v>34</v>
      </c>
      <c r="Q126" s="2" t="s">
        <v>34</v>
      </c>
      <c r="R126" s="2" t="s">
        <v>35</v>
      </c>
      <c r="S126" s="2" t="s">
        <v>470</v>
      </c>
      <c r="T126" s="2" t="s">
        <v>34</v>
      </c>
      <c r="U126" s="2" t="s">
        <v>34</v>
      </c>
      <c r="V126" s="2" t="s">
        <v>34</v>
      </c>
    </row>
    <row r="127" spans="1:22" x14ac:dyDescent="0.25">
      <c r="A127" s="2" t="s">
        <v>21</v>
      </c>
      <c r="B127" s="3" t="s">
        <v>370</v>
      </c>
      <c r="C127" s="2" t="s">
        <v>371</v>
      </c>
      <c r="D127" s="4" t="s">
        <v>1855</v>
      </c>
      <c r="E127" s="2" t="s">
        <v>42</v>
      </c>
      <c r="F127" s="2" t="s">
        <v>471</v>
      </c>
      <c r="G127" s="8" t="s">
        <v>283</v>
      </c>
      <c r="H127" s="8" t="s">
        <v>45</v>
      </c>
      <c r="I127" s="2" t="s">
        <v>46</v>
      </c>
      <c r="J127" s="2" t="s">
        <v>472</v>
      </c>
      <c r="K127" s="2" t="s">
        <v>29</v>
      </c>
      <c r="L127" s="2" t="s">
        <v>30</v>
      </c>
      <c r="M127" s="2" t="s">
        <v>48</v>
      </c>
      <c r="N127" s="2" t="s">
        <v>49</v>
      </c>
      <c r="O127" s="2" t="s">
        <v>50</v>
      </c>
      <c r="P127" s="2" t="s">
        <v>34</v>
      </c>
      <c r="Q127" s="2" t="s">
        <v>34</v>
      </c>
      <c r="R127" s="2" t="s">
        <v>35</v>
      </c>
      <c r="S127" s="2" t="s">
        <v>473</v>
      </c>
      <c r="T127" s="2" t="s">
        <v>34</v>
      </c>
      <c r="U127" s="2" t="s">
        <v>34</v>
      </c>
      <c r="V127" s="2" t="s">
        <v>34</v>
      </c>
    </row>
    <row r="128" spans="1:22" x14ac:dyDescent="0.25">
      <c r="A128" s="2" t="s">
        <v>21</v>
      </c>
      <c r="B128" s="3" t="s">
        <v>370</v>
      </c>
      <c r="C128" s="2" t="s">
        <v>371</v>
      </c>
      <c r="D128" s="4" t="s">
        <v>1856</v>
      </c>
      <c r="E128" s="2" t="s">
        <v>42</v>
      </c>
      <c r="F128" s="2" t="s">
        <v>475</v>
      </c>
      <c r="G128" s="8" t="s">
        <v>80</v>
      </c>
      <c r="H128" s="8" t="s">
        <v>45</v>
      </c>
      <c r="I128" s="2" t="s">
        <v>46</v>
      </c>
      <c r="J128" s="2" t="s">
        <v>476</v>
      </c>
      <c r="K128" s="2" t="s">
        <v>29</v>
      </c>
      <c r="L128" s="2" t="s">
        <v>30</v>
      </c>
      <c r="M128" s="2" t="s">
        <v>48</v>
      </c>
      <c r="N128" s="2" t="s">
        <v>49</v>
      </c>
      <c r="O128" s="2" t="s">
        <v>50</v>
      </c>
      <c r="P128" s="2" t="s">
        <v>34</v>
      </c>
      <c r="Q128" s="2" t="s">
        <v>34</v>
      </c>
      <c r="R128" s="2" t="s">
        <v>35</v>
      </c>
      <c r="S128" s="2" t="s">
        <v>477</v>
      </c>
      <c r="T128" s="2" t="s">
        <v>34</v>
      </c>
      <c r="U128" s="2" t="s">
        <v>34</v>
      </c>
      <c r="V128" s="2" t="s">
        <v>34</v>
      </c>
    </row>
    <row r="129" spans="1:22" x14ac:dyDescent="0.25">
      <c r="A129" s="2" t="s">
        <v>21</v>
      </c>
      <c r="B129" s="3" t="s">
        <v>370</v>
      </c>
      <c r="C129" s="2" t="s">
        <v>371</v>
      </c>
      <c r="D129" s="4" t="s">
        <v>1857</v>
      </c>
      <c r="E129" s="2" t="s">
        <v>42</v>
      </c>
      <c r="F129" s="2" t="s">
        <v>479</v>
      </c>
      <c r="G129" s="8" t="s">
        <v>480</v>
      </c>
      <c r="H129" s="8" t="s">
        <v>45</v>
      </c>
      <c r="I129" s="2" t="s">
        <v>46</v>
      </c>
      <c r="J129" s="2" t="s">
        <v>481</v>
      </c>
      <c r="K129" s="2" t="s">
        <v>29</v>
      </c>
      <c r="L129" s="2" t="s">
        <v>30</v>
      </c>
      <c r="M129" s="2" t="s">
        <v>48</v>
      </c>
      <c r="N129" s="2" t="s">
        <v>49</v>
      </c>
      <c r="O129" s="2" t="s">
        <v>50</v>
      </c>
      <c r="P129" s="2" t="s">
        <v>34</v>
      </c>
      <c r="Q129" s="2" t="s">
        <v>34</v>
      </c>
      <c r="R129" s="2" t="s">
        <v>35</v>
      </c>
      <c r="S129" s="2" t="s">
        <v>482</v>
      </c>
      <c r="T129" s="2" t="s">
        <v>34</v>
      </c>
      <c r="U129" s="2" t="s">
        <v>34</v>
      </c>
      <c r="V129" s="2" t="s">
        <v>34</v>
      </c>
    </row>
    <row r="130" spans="1:22" x14ac:dyDescent="0.25">
      <c r="A130" s="2" t="s">
        <v>21</v>
      </c>
      <c r="B130" s="3" t="s">
        <v>370</v>
      </c>
      <c r="C130" s="2" t="s">
        <v>371</v>
      </c>
      <c r="D130" s="4" t="s">
        <v>1858</v>
      </c>
      <c r="E130" s="2" t="s">
        <v>84</v>
      </c>
      <c r="F130" s="2" t="s">
        <v>330</v>
      </c>
      <c r="G130" s="8" t="s">
        <v>483</v>
      </c>
      <c r="H130" s="8" t="s">
        <v>86</v>
      </c>
      <c r="I130" s="2" t="s">
        <v>34</v>
      </c>
      <c r="J130" s="2" t="s">
        <v>34</v>
      </c>
      <c r="K130" s="2" t="s">
        <v>29</v>
      </c>
      <c r="L130" s="2" t="s">
        <v>30</v>
      </c>
      <c r="M130" s="2" t="s">
        <v>31</v>
      </c>
      <c r="N130" s="2" t="s">
        <v>49</v>
      </c>
      <c r="O130" s="2" t="s">
        <v>33</v>
      </c>
      <c r="P130" s="2" t="s">
        <v>34</v>
      </c>
      <c r="Q130" s="2" t="s">
        <v>34</v>
      </c>
      <c r="R130" s="2" t="s">
        <v>35</v>
      </c>
      <c r="S130" s="2" t="s">
        <v>484</v>
      </c>
      <c r="T130" s="2" t="s">
        <v>34</v>
      </c>
      <c r="U130" s="2" t="s">
        <v>34</v>
      </c>
      <c r="V130" s="2" t="s">
        <v>34</v>
      </c>
    </row>
    <row r="131" spans="1:22" x14ac:dyDescent="0.25">
      <c r="A131" s="2" t="s">
        <v>21</v>
      </c>
      <c r="B131" s="3" t="s">
        <v>370</v>
      </c>
      <c r="C131" s="2" t="s">
        <v>371</v>
      </c>
      <c r="D131" s="4" t="s">
        <v>1859</v>
      </c>
      <c r="E131" s="2" t="s">
        <v>197</v>
      </c>
      <c r="F131" s="2" t="s">
        <v>485</v>
      </c>
      <c r="G131" s="8" t="s">
        <v>152</v>
      </c>
      <c r="H131" s="8" t="s">
        <v>45</v>
      </c>
      <c r="I131" s="2" t="s">
        <v>199</v>
      </c>
      <c r="J131" s="2" t="s">
        <v>486</v>
      </c>
      <c r="K131" s="2" t="s">
        <v>29</v>
      </c>
      <c r="L131" s="2" t="s">
        <v>30</v>
      </c>
      <c r="M131" s="2" t="s">
        <v>31</v>
      </c>
      <c r="N131" s="2" t="s">
        <v>104</v>
      </c>
      <c r="O131" s="2" t="s">
        <v>33</v>
      </c>
      <c r="P131" s="2" t="s">
        <v>34</v>
      </c>
      <c r="Q131" s="2" t="s">
        <v>34</v>
      </c>
      <c r="R131" s="2" t="s">
        <v>35</v>
      </c>
      <c r="S131" s="2" t="s">
        <v>487</v>
      </c>
      <c r="T131" s="2" t="s">
        <v>34</v>
      </c>
      <c r="U131" s="2" t="s">
        <v>34</v>
      </c>
      <c r="V131" s="2" t="s">
        <v>34</v>
      </c>
    </row>
    <row r="132" spans="1:22" x14ac:dyDescent="0.25">
      <c r="A132" s="2" t="s">
        <v>21</v>
      </c>
      <c r="B132" s="3" t="s">
        <v>370</v>
      </c>
      <c r="C132" s="2" t="s">
        <v>371</v>
      </c>
      <c r="D132" s="4" t="s">
        <v>1860</v>
      </c>
      <c r="E132" s="2" t="s">
        <v>99</v>
      </c>
      <c r="F132" s="2" t="s">
        <v>488</v>
      </c>
      <c r="G132" s="8" t="s">
        <v>489</v>
      </c>
      <c r="H132" s="8" t="s">
        <v>27</v>
      </c>
      <c r="I132" s="2" t="s">
        <v>34</v>
      </c>
      <c r="J132" s="2" t="s">
        <v>490</v>
      </c>
      <c r="K132" s="2" t="s">
        <v>29</v>
      </c>
      <c r="L132" s="2" t="s">
        <v>30</v>
      </c>
      <c r="M132" s="2" t="s">
        <v>31</v>
      </c>
      <c r="N132" s="2" t="s">
        <v>183</v>
      </c>
      <c r="O132" s="2" t="s">
        <v>33</v>
      </c>
      <c r="P132" s="2" t="s">
        <v>34</v>
      </c>
      <c r="Q132" s="2" t="s">
        <v>34</v>
      </c>
      <c r="R132" s="2" t="s">
        <v>35</v>
      </c>
      <c r="S132" s="2" t="s">
        <v>491</v>
      </c>
      <c r="T132" s="2" t="s">
        <v>34</v>
      </c>
      <c r="U132" s="2" t="s">
        <v>34</v>
      </c>
      <c r="V132" s="2" t="s">
        <v>34</v>
      </c>
    </row>
    <row r="133" spans="1:22" x14ac:dyDescent="0.25">
      <c r="A133" s="2" t="s">
        <v>21</v>
      </c>
      <c r="B133" s="3" t="s">
        <v>370</v>
      </c>
      <c r="C133" s="2" t="s">
        <v>371</v>
      </c>
      <c r="D133" s="4" t="s">
        <v>1861</v>
      </c>
      <c r="E133" s="2" t="s">
        <v>228</v>
      </c>
      <c r="F133" s="2" t="s">
        <v>493</v>
      </c>
      <c r="G133" s="8" t="s">
        <v>392</v>
      </c>
      <c r="H133" s="8" t="s">
        <v>45</v>
      </c>
      <c r="I133" s="2" t="s">
        <v>494</v>
      </c>
      <c r="J133" s="2" t="s">
        <v>495</v>
      </c>
      <c r="K133" s="2" t="s">
        <v>29</v>
      </c>
      <c r="L133" s="2" t="s">
        <v>231</v>
      </c>
      <c r="M133" s="2" t="s">
        <v>116</v>
      </c>
      <c r="N133" s="2" t="s">
        <v>220</v>
      </c>
      <c r="O133" s="2" t="s">
        <v>33</v>
      </c>
      <c r="P133" s="2" t="s">
        <v>34</v>
      </c>
      <c r="Q133" s="2" t="s">
        <v>34</v>
      </c>
      <c r="R133" s="2" t="s">
        <v>35</v>
      </c>
      <c r="S133" s="2" t="s">
        <v>496</v>
      </c>
      <c r="T133" s="2" t="s">
        <v>34</v>
      </c>
      <c r="U133" s="2" t="s">
        <v>34</v>
      </c>
      <c r="V133" s="2" t="s">
        <v>34</v>
      </c>
    </row>
    <row r="134" spans="1:22" x14ac:dyDescent="0.25">
      <c r="A134" s="2" t="s">
        <v>21</v>
      </c>
      <c r="B134" s="3" t="s">
        <v>370</v>
      </c>
      <c r="C134" s="2" t="s">
        <v>371</v>
      </c>
      <c r="D134" s="4" t="s">
        <v>1862</v>
      </c>
      <c r="E134" s="2" t="s">
        <v>209</v>
      </c>
      <c r="F134" s="2" t="s">
        <v>497</v>
      </c>
      <c r="G134" s="8" t="s">
        <v>498</v>
      </c>
      <c r="H134" s="8" t="s">
        <v>86</v>
      </c>
      <c r="I134" s="2" t="s">
        <v>34</v>
      </c>
      <c r="J134" s="2" t="s">
        <v>499</v>
      </c>
      <c r="K134" s="2" t="s">
        <v>29</v>
      </c>
      <c r="L134" s="2" t="s">
        <v>30</v>
      </c>
      <c r="M134" s="2" t="s">
        <v>31</v>
      </c>
      <c r="N134" s="2" t="s">
        <v>183</v>
      </c>
      <c r="O134" s="2" t="s">
        <v>189</v>
      </c>
      <c r="P134" s="2" t="s">
        <v>34</v>
      </c>
      <c r="Q134" s="2" t="s">
        <v>34</v>
      </c>
      <c r="R134" s="2" t="s">
        <v>35</v>
      </c>
      <c r="S134" s="2" t="s">
        <v>500</v>
      </c>
      <c r="T134" s="2" t="s">
        <v>34</v>
      </c>
      <c r="U134" s="2" t="s">
        <v>34</v>
      </c>
      <c r="V134" s="2" t="s">
        <v>34</v>
      </c>
    </row>
    <row r="135" spans="1:22" x14ac:dyDescent="0.25">
      <c r="A135" s="2" t="s">
        <v>21</v>
      </c>
      <c r="B135" s="3" t="s">
        <v>370</v>
      </c>
      <c r="C135" s="2" t="s">
        <v>371</v>
      </c>
      <c r="D135" s="4" t="s">
        <v>1863</v>
      </c>
      <c r="E135" s="2" t="s">
        <v>215</v>
      </c>
      <c r="F135" s="2" t="s">
        <v>501</v>
      </c>
      <c r="G135" s="8" t="s">
        <v>502</v>
      </c>
      <c r="H135" s="8" t="s">
        <v>86</v>
      </c>
      <c r="I135" s="2" t="s">
        <v>218</v>
      </c>
      <c r="J135" s="2" t="s">
        <v>503</v>
      </c>
      <c r="K135" s="2" t="s">
        <v>29</v>
      </c>
      <c r="L135" s="2" t="s">
        <v>30</v>
      </c>
      <c r="M135" s="2" t="s">
        <v>31</v>
      </c>
      <c r="N135" s="2" t="s">
        <v>220</v>
      </c>
      <c r="O135" s="2" t="s">
        <v>189</v>
      </c>
      <c r="P135" s="2" t="s">
        <v>34</v>
      </c>
      <c r="Q135" s="2" t="s">
        <v>34</v>
      </c>
      <c r="R135" s="2" t="s">
        <v>35</v>
      </c>
      <c r="S135" s="2" t="s">
        <v>504</v>
      </c>
      <c r="T135" s="2" t="s">
        <v>34</v>
      </c>
      <c r="U135" s="2" t="s">
        <v>34</v>
      </c>
      <c r="V135" s="2" t="s">
        <v>34</v>
      </c>
    </row>
    <row r="136" spans="1:22" x14ac:dyDescent="0.25">
      <c r="A136" s="2" t="s">
        <v>21</v>
      </c>
      <c r="B136" s="3" t="s">
        <v>370</v>
      </c>
      <c r="C136" s="2" t="s">
        <v>371</v>
      </c>
      <c r="D136" s="4" t="s">
        <v>1864</v>
      </c>
      <c r="E136" s="2" t="s">
        <v>223</v>
      </c>
      <c r="F136" s="2" t="s">
        <v>505</v>
      </c>
      <c r="G136" s="8" t="s">
        <v>54</v>
      </c>
      <c r="H136" s="8" t="s">
        <v>45</v>
      </c>
      <c r="I136" s="2" t="s">
        <v>34</v>
      </c>
      <c r="J136" s="2" t="s">
        <v>506</v>
      </c>
      <c r="K136" s="2" t="s">
        <v>29</v>
      </c>
      <c r="L136" s="2" t="s">
        <v>30</v>
      </c>
      <c r="M136" s="2" t="s">
        <v>31</v>
      </c>
      <c r="N136" s="2" t="s">
        <v>49</v>
      </c>
      <c r="O136" s="2" t="s">
        <v>33</v>
      </c>
      <c r="P136" s="2" t="s">
        <v>34</v>
      </c>
      <c r="Q136" s="2" t="s">
        <v>34</v>
      </c>
      <c r="R136" s="2" t="s">
        <v>35</v>
      </c>
      <c r="S136" s="2" t="s">
        <v>507</v>
      </c>
      <c r="T136" s="2" t="s">
        <v>34</v>
      </c>
      <c r="U136" s="2" t="s">
        <v>34</v>
      </c>
      <c r="V136" s="2" t="s">
        <v>34</v>
      </c>
    </row>
    <row r="137" spans="1:22" x14ac:dyDescent="0.25">
      <c r="A137" s="2" t="s">
        <v>21</v>
      </c>
      <c r="B137" s="3" t="s">
        <v>370</v>
      </c>
      <c r="C137" s="2" t="s">
        <v>371</v>
      </c>
      <c r="D137" s="4" t="s">
        <v>1865</v>
      </c>
      <c r="E137" s="2" t="s">
        <v>42</v>
      </c>
      <c r="F137" s="2" t="s">
        <v>387</v>
      </c>
      <c r="G137" s="8" t="s">
        <v>388</v>
      </c>
      <c r="H137" s="8" t="s">
        <v>45</v>
      </c>
      <c r="I137" s="2" t="s">
        <v>46</v>
      </c>
      <c r="J137" s="2" t="s">
        <v>389</v>
      </c>
      <c r="K137" s="2" t="s">
        <v>29</v>
      </c>
      <c r="L137" s="2" t="s">
        <v>30</v>
      </c>
      <c r="M137" s="2" t="s">
        <v>48</v>
      </c>
      <c r="N137" s="2" t="s">
        <v>49</v>
      </c>
      <c r="O137" s="2" t="s">
        <v>50</v>
      </c>
      <c r="P137" s="2" t="s">
        <v>34</v>
      </c>
      <c r="Q137" s="2" t="s">
        <v>34</v>
      </c>
      <c r="R137" s="2" t="s">
        <v>35</v>
      </c>
      <c r="S137" s="2" t="s">
        <v>390</v>
      </c>
      <c r="T137" s="2" t="s">
        <v>34</v>
      </c>
      <c r="U137" s="2" t="s">
        <v>34</v>
      </c>
      <c r="V137" s="2" t="s">
        <v>34</v>
      </c>
    </row>
    <row r="138" spans="1:22" x14ac:dyDescent="0.25">
      <c r="A138" s="2" t="s">
        <v>21</v>
      </c>
      <c r="B138" s="3" t="s">
        <v>370</v>
      </c>
      <c r="C138" s="2" t="s">
        <v>371</v>
      </c>
      <c r="D138" s="4" t="s">
        <v>1866</v>
      </c>
      <c r="E138" s="2" t="s">
        <v>42</v>
      </c>
      <c r="F138" s="2" t="s">
        <v>383</v>
      </c>
      <c r="G138" s="8" t="s">
        <v>384</v>
      </c>
      <c r="H138" s="8" t="s">
        <v>45</v>
      </c>
      <c r="I138" s="2" t="s">
        <v>46</v>
      </c>
      <c r="J138" s="2" t="s">
        <v>385</v>
      </c>
      <c r="K138" s="2" t="s">
        <v>29</v>
      </c>
      <c r="L138" s="2" t="s">
        <v>30</v>
      </c>
      <c r="M138" s="2" t="s">
        <v>48</v>
      </c>
      <c r="N138" s="2" t="s">
        <v>49</v>
      </c>
      <c r="O138" s="2" t="s">
        <v>50</v>
      </c>
      <c r="P138" s="2" t="s">
        <v>34</v>
      </c>
      <c r="Q138" s="2" t="s">
        <v>34</v>
      </c>
      <c r="R138" s="2" t="s">
        <v>35</v>
      </c>
      <c r="S138" s="2" t="s">
        <v>386</v>
      </c>
      <c r="T138" s="2" t="s">
        <v>34</v>
      </c>
      <c r="U138" s="2" t="s">
        <v>34</v>
      </c>
      <c r="V138" s="2" t="s">
        <v>34</v>
      </c>
    </row>
    <row r="139" spans="1:22" x14ac:dyDescent="0.25">
      <c r="A139" s="2" t="s">
        <v>21</v>
      </c>
      <c r="B139" s="3" t="s">
        <v>370</v>
      </c>
      <c r="C139" s="2" t="s">
        <v>371</v>
      </c>
      <c r="D139" s="4" t="s">
        <v>1867</v>
      </c>
      <c r="E139" s="2" t="s">
        <v>42</v>
      </c>
      <c r="F139" s="2" t="s">
        <v>380</v>
      </c>
      <c r="G139" s="8" t="s">
        <v>381</v>
      </c>
      <c r="H139" s="8" t="s">
        <v>45</v>
      </c>
      <c r="I139" s="2" t="s">
        <v>46</v>
      </c>
      <c r="J139" s="2" t="s">
        <v>34</v>
      </c>
      <c r="K139" s="2" t="s">
        <v>29</v>
      </c>
      <c r="L139" s="2" t="s">
        <v>30</v>
      </c>
      <c r="M139" s="2" t="s">
        <v>48</v>
      </c>
      <c r="N139" s="2" t="s">
        <v>49</v>
      </c>
      <c r="O139" s="2" t="s">
        <v>50</v>
      </c>
      <c r="P139" s="2" t="s">
        <v>34</v>
      </c>
      <c r="Q139" s="2" t="s">
        <v>34</v>
      </c>
      <c r="R139" s="2" t="s">
        <v>35</v>
      </c>
      <c r="S139" s="2" t="s">
        <v>382</v>
      </c>
      <c r="T139" s="2" t="s">
        <v>34</v>
      </c>
      <c r="U139" s="2" t="s">
        <v>34</v>
      </c>
      <c r="V139" s="2" t="s">
        <v>34</v>
      </c>
    </row>
    <row r="140" spans="1:22" x14ac:dyDescent="0.25">
      <c r="A140" s="2" t="s">
        <v>21</v>
      </c>
      <c r="B140" s="3" t="s">
        <v>370</v>
      </c>
      <c r="C140" s="2" t="s">
        <v>371</v>
      </c>
      <c r="D140" s="4" t="s">
        <v>1868</v>
      </c>
      <c r="E140" s="2" t="s">
        <v>84</v>
      </c>
      <c r="F140" s="2" t="s">
        <v>286</v>
      </c>
      <c r="G140" s="8" t="s">
        <v>26</v>
      </c>
      <c r="H140" s="8" t="s">
        <v>86</v>
      </c>
      <c r="I140" s="2" t="s">
        <v>34</v>
      </c>
      <c r="J140" s="2" t="s">
        <v>287</v>
      </c>
      <c r="K140" s="2" t="s">
        <v>29</v>
      </c>
      <c r="L140" s="2" t="s">
        <v>30</v>
      </c>
      <c r="M140" s="2" t="s">
        <v>31</v>
      </c>
      <c r="N140" s="2" t="s">
        <v>49</v>
      </c>
      <c r="O140" s="2" t="s">
        <v>33</v>
      </c>
      <c r="P140" s="2" t="s">
        <v>34</v>
      </c>
      <c r="Q140" s="2" t="s">
        <v>34</v>
      </c>
      <c r="R140" s="2" t="s">
        <v>35</v>
      </c>
      <c r="S140" s="2" t="s">
        <v>288</v>
      </c>
      <c r="T140" s="2" t="s">
        <v>34</v>
      </c>
      <c r="U140" s="2" t="s">
        <v>34</v>
      </c>
      <c r="V140" s="2" t="s">
        <v>34</v>
      </c>
    </row>
    <row r="141" spans="1:22" x14ac:dyDescent="0.25">
      <c r="A141" s="2" t="s">
        <v>21</v>
      </c>
      <c r="B141" s="3" t="s">
        <v>370</v>
      </c>
      <c r="C141" s="2" t="s">
        <v>371</v>
      </c>
      <c r="D141" s="4" t="s">
        <v>1869</v>
      </c>
      <c r="E141" s="2" t="s">
        <v>197</v>
      </c>
      <c r="F141" s="2" t="s">
        <v>510</v>
      </c>
      <c r="G141" s="8" t="s">
        <v>511</v>
      </c>
      <c r="H141" s="8" t="s">
        <v>27</v>
      </c>
      <c r="I141" s="2" t="s">
        <v>777</v>
      </c>
      <c r="J141" s="2" t="s">
        <v>513</v>
      </c>
      <c r="K141" s="2" t="s">
        <v>29</v>
      </c>
      <c r="L141" s="2" t="s">
        <v>30</v>
      </c>
      <c r="M141" s="2" t="s">
        <v>31</v>
      </c>
      <c r="N141" s="2" t="s">
        <v>183</v>
      </c>
      <c r="O141" s="2" t="s">
        <v>33</v>
      </c>
      <c r="P141" s="2" t="s">
        <v>34</v>
      </c>
      <c r="Q141" s="2" t="s">
        <v>34</v>
      </c>
      <c r="R141" s="2" t="s">
        <v>35</v>
      </c>
      <c r="S141" s="2" t="s">
        <v>514</v>
      </c>
      <c r="T141" s="2" t="s">
        <v>34</v>
      </c>
      <c r="U141" s="2" t="s">
        <v>34</v>
      </c>
      <c r="V141" s="2" t="s">
        <v>34</v>
      </c>
    </row>
    <row r="142" spans="1:22" x14ac:dyDescent="0.25">
      <c r="A142" s="2" t="s">
        <v>21</v>
      </c>
      <c r="B142" s="3" t="s">
        <v>370</v>
      </c>
      <c r="C142" s="2" t="s">
        <v>371</v>
      </c>
      <c r="D142" s="4" t="s">
        <v>1870</v>
      </c>
      <c r="E142" s="2" t="s">
        <v>99</v>
      </c>
      <c r="F142" s="2" t="s">
        <v>515</v>
      </c>
      <c r="G142" s="8" t="s">
        <v>516</v>
      </c>
      <c r="H142" s="8" t="s">
        <v>27</v>
      </c>
      <c r="I142" s="2" t="s">
        <v>34</v>
      </c>
      <c r="J142" s="2" t="s">
        <v>517</v>
      </c>
      <c r="K142" s="2" t="s">
        <v>29</v>
      </c>
      <c r="L142" s="2" t="s">
        <v>30</v>
      </c>
      <c r="M142" s="2" t="s">
        <v>31</v>
      </c>
      <c r="N142" s="2" t="s">
        <v>183</v>
      </c>
      <c r="O142" s="2" t="s">
        <v>33</v>
      </c>
      <c r="P142" s="2" t="s">
        <v>34</v>
      </c>
      <c r="Q142" s="2" t="s">
        <v>34</v>
      </c>
      <c r="R142" s="2" t="s">
        <v>35</v>
      </c>
      <c r="S142" s="2" t="s">
        <v>518</v>
      </c>
      <c r="T142" s="2" t="s">
        <v>34</v>
      </c>
      <c r="U142" s="2" t="s">
        <v>34</v>
      </c>
      <c r="V142" s="2" t="s">
        <v>34</v>
      </c>
    </row>
    <row r="143" spans="1:22" x14ac:dyDescent="0.25">
      <c r="A143" s="2" t="s">
        <v>21</v>
      </c>
      <c r="B143" s="3" t="s">
        <v>370</v>
      </c>
      <c r="C143" s="2" t="s">
        <v>371</v>
      </c>
      <c r="D143" s="4" t="s">
        <v>1871</v>
      </c>
      <c r="E143" s="2" t="s">
        <v>228</v>
      </c>
      <c r="F143" s="2" t="s">
        <v>519</v>
      </c>
      <c r="G143" s="8" t="s">
        <v>516</v>
      </c>
      <c r="H143" s="8" t="s">
        <v>27</v>
      </c>
      <c r="I143" s="2" t="s">
        <v>425</v>
      </c>
      <c r="J143" s="2" t="s">
        <v>520</v>
      </c>
      <c r="K143" s="2" t="s">
        <v>29</v>
      </c>
      <c r="L143" s="2" t="s">
        <v>34</v>
      </c>
      <c r="M143" s="2" t="s">
        <v>116</v>
      </c>
      <c r="N143" s="2" t="s">
        <v>104</v>
      </c>
      <c r="O143" s="2" t="s">
        <v>33</v>
      </c>
      <c r="P143" s="2" t="s">
        <v>34</v>
      </c>
      <c r="Q143" s="2" t="s">
        <v>34</v>
      </c>
      <c r="R143" s="2" t="s">
        <v>35</v>
      </c>
      <c r="S143" s="2" t="s">
        <v>521</v>
      </c>
      <c r="T143" s="2" t="s">
        <v>34</v>
      </c>
      <c r="U143" s="2" t="s">
        <v>34</v>
      </c>
      <c r="V143" s="2" t="s">
        <v>34</v>
      </c>
    </row>
    <row r="144" spans="1:22" x14ac:dyDescent="0.25">
      <c r="A144" s="2" t="s">
        <v>21</v>
      </c>
      <c r="B144" s="3" t="s">
        <v>370</v>
      </c>
      <c r="C144" s="2" t="s">
        <v>371</v>
      </c>
      <c r="D144" s="4" t="s">
        <v>1872</v>
      </c>
      <c r="E144" s="2" t="s">
        <v>223</v>
      </c>
      <c r="F144" s="2" t="s">
        <v>505</v>
      </c>
      <c r="G144" s="8" t="s">
        <v>54</v>
      </c>
      <c r="H144" s="8" t="s">
        <v>45</v>
      </c>
      <c r="I144" s="2" t="s">
        <v>34</v>
      </c>
      <c r="J144" s="2" t="s">
        <v>506</v>
      </c>
      <c r="K144" s="2" t="s">
        <v>29</v>
      </c>
      <c r="L144" s="2" t="s">
        <v>30</v>
      </c>
      <c r="M144" s="2" t="s">
        <v>31</v>
      </c>
      <c r="N144" s="2" t="s">
        <v>49</v>
      </c>
      <c r="O144" s="2" t="s">
        <v>33</v>
      </c>
      <c r="P144" s="2" t="s">
        <v>34</v>
      </c>
      <c r="Q144" s="2" t="s">
        <v>34</v>
      </c>
      <c r="R144" s="2" t="s">
        <v>35</v>
      </c>
      <c r="S144" s="2" t="s">
        <v>507</v>
      </c>
      <c r="T144" s="2" t="s">
        <v>34</v>
      </c>
      <c r="U144" s="2" t="s">
        <v>34</v>
      </c>
      <c r="V144" s="2" t="s">
        <v>34</v>
      </c>
    </row>
    <row r="145" spans="1:22" x14ac:dyDescent="0.25">
      <c r="A145" s="2" t="s">
        <v>21</v>
      </c>
      <c r="B145" s="3" t="s">
        <v>370</v>
      </c>
      <c r="C145" s="2" t="s">
        <v>371</v>
      </c>
      <c r="D145" s="4" t="s">
        <v>259</v>
      </c>
      <c r="E145" s="2" t="s">
        <v>215</v>
      </c>
      <c r="F145" s="2" t="s">
        <v>522</v>
      </c>
      <c r="G145" s="8" t="s">
        <v>523</v>
      </c>
      <c r="H145" s="8" t="s">
        <v>133</v>
      </c>
      <c r="I145" s="2" t="s">
        <v>34</v>
      </c>
      <c r="J145" s="2" t="s">
        <v>524</v>
      </c>
      <c r="K145" s="2" t="s">
        <v>29</v>
      </c>
      <c r="L145" s="2" t="s">
        <v>30</v>
      </c>
      <c r="M145" s="2" t="s">
        <v>31</v>
      </c>
      <c r="N145" s="2" t="s">
        <v>525</v>
      </c>
      <c r="O145" s="2" t="s">
        <v>33</v>
      </c>
      <c r="P145" s="2" t="s">
        <v>34</v>
      </c>
      <c r="Q145" s="2" t="s">
        <v>34</v>
      </c>
      <c r="R145" s="2" t="s">
        <v>35</v>
      </c>
      <c r="S145" s="2" t="s">
        <v>526</v>
      </c>
      <c r="T145" s="2" t="s">
        <v>34</v>
      </c>
      <c r="U145" s="2" t="s">
        <v>34</v>
      </c>
      <c r="V145" s="2"/>
    </row>
    <row r="146" spans="1:22" x14ac:dyDescent="0.25">
      <c r="A146" s="2" t="s">
        <v>21</v>
      </c>
      <c r="B146" s="3" t="s">
        <v>370</v>
      </c>
      <c r="C146" s="2" t="s">
        <v>371</v>
      </c>
      <c r="D146" s="4" t="s">
        <v>1873</v>
      </c>
      <c r="E146" s="2" t="s">
        <v>1874</v>
      </c>
      <c r="F146" s="2" t="s">
        <v>1875</v>
      </c>
      <c r="G146" s="8" t="s">
        <v>147</v>
      </c>
      <c r="H146" s="8" t="s">
        <v>27</v>
      </c>
      <c r="I146" s="2" t="s">
        <v>34</v>
      </c>
      <c r="J146" s="2" t="s">
        <v>34</v>
      </c>
      <c r="K146" s="2" t="s">
        <v>29</v>
      </c>
      <c r="L146" s="2" t="s">
        <v>30</v>
      </c>
      <c r="M146" s="2" t="s">
        <v>31</v>
      </c>
      <c r="N146" s="2" t="s">
        <v>183</v>
      </c>
      <c r="O146" s="2" t="s">
        <v>1702</v>
      </c>
      <c r="P146" s="2" t="s">
        <v>34</v>
      </c>
      <c r="Q146" s="2" t="s">
        <v>34</v>
      </c>
      <c r="R146" s="2" t="s">
        <v>35</v>
      </c>
      <c r="S146" s="2" t="s">
        <v>1876</v>
      </c>
      <c r="T146" s="2" t="s">
        <v>34</v>
      </c>
      <c r="U146" s="2" t="s">
        <v>34</v>
      </c>
      <c r="V146" s="2"/>
    </row>
    <row r="147" spans="1:22" x14ac:dyDescent="0.25">
      <c r="A147" s="2" t="s">
        <v>21</v>
      </c>
      <c r="B147" s="3" t="s">
        <v>370</v>
      </c>
      <c r="C147" s="2" t="s">
        <v>371</v>
      </c>
      <c r="D147" s="4" t="s">
        <v>1877</v>
      </c>
      <c r="E147" s="2" t="s">
        <v>245</v>
      </c>
      <c r="F147" s="2" t="s">
        <v>252</v>
      </c>
      <c r="G147" s="8" t="s">
        <v>27</v>
      </c>
      <c r="H147" s="8" t="s">
        <v>45</v>
      </c>
      <c r="I147" s="2" t="s">
        <v>247</v>
      </c>
      <c r="J147" s="2" t="s">
        <v>253</v>
      </c>
      <c r="K147" s="2" t="s">
        <v>29</v>
      </c>
      <c r="L147" s="2" t="s">
        <v>30</v>
      </c>
      <c r="M147" s="2" t="s">
        <v>116</v>
      </c>
      <c r="N147" s="2" t="s">
        <v>183</v>
      </c>
      <c r="O147" s="2" t="s">
        <v>249</v>
      </c>
      <c r="P147" s="2" t="s">
        <v>34</v>
      </c>
      <c r="Q147" s="2" t="s">
        <v>34</v>
      </c>
      <c r="R147" s="2" t="s">
        <v>35</v>
      </c>
      <c r="S147" s="2" t="s">
        <v>254</v>
      </c>
      <c r="T147" s="2" t="s">
        <v>34</v>
      </c>
      <c r="U147" s="2" t="s">
        <v>34</v>
      </c>
      <c r="V147" s="2" t="s">
        <v>34</v>
      </c>
    </row>
    <row r="148" spans="1:22" x14ac:dyDescent="0.25">
      <c r="A148" s="2"/>
      <c r="B148" s="3"/>
      <c r="C148" s="2"/>
      <c r="D148" s="4"/>
      <c r="E148" s="5" t="s">
        <v>267</v>
      </c>
      <c r="F148" s="2"/>
      <c r="I148" s="2"/>
      <c r="J148" s="2"/>
      <c r="K148" s="2"/>
      <c r="L148" s="2"/>
      <c r="M148" s="2"/>
      <c r="N148" s="2"/>
      <c r="O148" s="2"/>
      <c r="P148" s="2"/>
      <c r="Q148" s="2"/>
      <c r="R148" s="2"/>
      <c r="S148" s="2"/>
      <c r="T148" s="2"/>
      <c r="U148" s="2"/>
      <c r="V148" s="2" t="s">
        <v>34</v>
      </c>
    </row>
    <row r="149" spans="1:22" x14ac:dyDescent="0.25">
      <c r="A149" s="2"/>
      <c r="B149" s="3"/>
      <c r="C149" s="2"/>
      <c r="D149" s="4"/>
      <c r="E149" s="5"/>
      <c r="F149" s="2"/>
      <c r="I149" s="2"/>
      <c r="J149" s="2"/>
      <c r="K149" s="2"/>
      <c r="L149" s="2"/>
      <c r="M149" s="2"/>
      <c r="N149" s="2"/>
      <c r="O149" s="2"/>
      <c r="P149" s="2"/>
      <c r="Q149" s="2"/>
      <c r="R149" s="2"/>
      <c r="S149" s="2"/>
      <c r="T149" s="2"/>
      <c r="U149" s="2"/>
      <c r="V149" s="2" t="s">
        <v>34</v>
      </c>
    </row>
    <row r="150" spans="1:22" x14ac:dyDescent="0.25">
      <c r="A150" s="2" t="s">
        <v>21</v>
      </c>
      <c r="B150" s="3" t="s">
        <v>528</v>
      </c>
      <c r="C150" s="2" t="s">
        <v>529</v>
      </c>
      <c r="D150" s="4" t="s">
        <v>24</v>
      </c>
      <c r="E150" s="2" t="s">
        <v>25</v>
      </c>
      <c r="F150" s="2" t="s">
        <v>530</v>
      </c>
      <c r="G150" s="8" t="s">
        <v>95</v>
      </c>
      <c r="H150" s="8" t="s">
        <v>27</v>
      </c>
      <c r="I150" s="2" t="s">
        <v>1878</v>
      </c>
      <c r="J150" s="2" t="s">
        <v>531</v>
      </c>
      <c r="K150" s="2" t="s">
        <v>29</v>
      </c>
      <c r="L150" s="2" t="s">
        <v>30</v>
      </c>
      <c r="M150" s="2" t="s">
        <v>31</v>
      </c>
      <c r="N150" s="2" t="s">
        <v>32</v>
      </c>
      <c r="O150" s="2" t="s">
        <v>33</v>
      </c>
      <c r="P150" s="2" t="s">
        <v>34</v>
      </c>
      <c r="Q150" s="2" t="s">
        <v>34</v>
      </c>
      <c r="R150" s="2" t="s">
        <v>35</v>
      </c>
      <c r="S150" s="2" t="s">
        <v>532</v>
      </c>
      <c r="T150" s="2" t="s">
        <v>34</v>
      </c>
      <c r="U150" s="2" t="s">
        <v>34</v>
      </c>
      <c r="V150" s="2" t="s">
        <v>34</v>
      </c>
    </row>
    <row r="151" spans="1:22" x14ac:dyDescent="0.25">
      <c r="A151" s="2" t="s">
        <v>21</v>
      </c>
      <c r="B151" s="3" t="s">
        <v>528</v>
      </c>
      <c r="C151" s="2" t="s">
        <v>529</v>
      </c>
      <c r="D151" s="4" t="s">
        <v>1879</v>
      </c>
      <c r="E151" s="2" t="s">
        <v>25</v>
      </c>
      <c r="F151" s="2" t="s">
        <v>533</v>
      </c>
      <c r="G151" s="8" t="s">
        <v>534</v>
      </c>
      <c r="H151" s="8" t="s">
        <v>27</v>
      </c>
      <c r="I151" s="2" t="s">
        <v>1880</v>
      </c>
      <c r="J151" s="2" t="s">
        <v>535</v>
      </c>
      <c r="K151" s="2" t="s">
        <v>29</v>
      </c>
      <c r="L151" s="2" t="s">
        <v>30</v>
      </c>
      <c r="M151" s="2" t="s">
        <v>31</v>
      </c>
      <c r="N151" s="2" t="s">
        <v>32</v>
      </c>
      <c r="O151" s="2" t="s">
        <v>33</v>
      </c>
      <c r="P151" s="2" t="s">
        <v>34</v>
      </c>
      <c r="Q151" s="2" t="s">
        <v>34</v>
      </c>
      <c r="R151" s="2" t="s">
        <v>35</v>
      </c>
      <c r="S151" s="2" t="s">
        <v>536</v>
      </c>
      <c r="T151" s="2" t="s">
        <v>34</v>
      </c>
      <c r="U151" s="2" t="s">
        <v>34</v>
      </c>
      <c r="V151" s="2" t="s">
        <v>34</v>
      </c>
    </row>
    <row r="152" spans="1:22" x14ac:dyDescent="0.25">
      <c r="A152" s="2" t="s">
        <v>21</v>
      </c>
      <c r="B152" s="3" t="s">
        <v>528</v>
      </c>
      <c r="C152" s="2" t="s">
        <v>529</v>
      </c>
      <c r="D152" s="4" t="s">
        <v>1881</v>
      </c>
      <c r="E152" s="2" t="s">
        <v>42</v>
      </c>
      <c r="F152" s="2" t="s">
        <v>438</v>
      </c>
      <c r="G152" s="8" t="s">
        <v>439</v>
      </c>
      <c r="H152" s="8" t="s">
        <v>45</v>
      </c>
      <c r="I152" s="2" t="s">
        <v>46</v>
      </c>
      <c r="J152" s="2" t="s">
        <v>440</v>
      </c>
      <c r="K152" s="2" t="s">
        <v>29</v>
      </c>
      <c r="L152" s="2" t="s">
        <v>30</v>
      </c>
      <c r="M152" s="2" t="s">
        <v>48</v>
      </c>
      <c r="N152" s="2" t="s">
        <v>49</v>
      </c>
      <c r="O152" s="2" t="s">
        <v>50</v>
      </c>
      <c r="P152" s="2" t="s">
        <v>34</v>
      </c>
      <c r="Q152" s="2" t="s">
        <v>34</v>
      </c>
      <c r="R152" s="2" t="s">
        <v>35</v>
      </c>
      <c r="S152" s="2" t="s">
        <v>441</v>
      </c>
      <c r="T152" s="2" t="s">
        <v>34</v>
      </c>
      <c r="U152" s="2" t="s">
        <v>34</v>
      </c>
      <c r="V152" s="2" t="s">
        <v>34</v>
      </c>
    </row>
    <row r="153" spans="1:22" x14ac:dyDescent="0.25">
      <c r="A153" s="2" t="s">
        <v>21</v>
      </c>
      <c r="B153" s="3" t="s">
        <v>528</v>
      </c>
      <c r="C153" s="2" t="s">
        <v>529</v>
      </c>
      <c r="D153" s="4" t="s">
        <v>1882</v>
      </c>
      <c r="E153" s="2" t="s">
        <v>42</v>
      </c>
      <c r="F153" s="2" t="s">
        <v>442</v>
      </c>
      <c r="G153" s="8" t="s">
        <v>181</v>
      </c>
      <c r="H153" s="8" t="s">
        <v>45</v>
      </c>
      <c r="I153" s="2" t="s">
        <v>46</v>
      </c>
      <c r="J153" s="2" t="s">
        <v>443</v>
      </c>
      <c r="K153" s="2" t="s">
        <v>29</v>
      </c>
      <c r="L153" s="2" t="s">
        <v>30</v>
      </c>
      <c r="M153" s="2" t="s">
        <v>48</v>
      </c>
      <c r="N153" s="2" t="s">
        <v>49</v>
      </c>
      <c r="O153" s="2" t="s">
        <v>50</v>
      </c>
      <c r="P153" s="2" t="s">
        <v>34</v>
      </c>
      <c r="Q153" s="2" t="s">
        <v>34</v>
      </c>
      <c r="R153" s="2" t="s">
        <v>35</v>
      </c>
      <c r="S153" s="2" t="s">
        <v>444</v>
      </c>
      <c r="T153" s="2" t="s">
        <v>34</v>
      </c>
      <c r="U153" s="2" t="s">
        <v>34</v>
      </c>
      <c r="V153" s="2" t="s">
        <v>34</v>
      </c>
    </row>
    <row r="154" spans="1:22" x14ac:dyDescent="0.25">
      <c r="A154" s="2" t="s">
        <v>21</v>
      </c>
      <c r="B154" s="3" t="s">
        <v>528</v>
      </c>
      <c r="C154" s="2" t="s">
        <v>529</v>
      </c>
      <c r="D154" s="4" t="s">
        <v>1883</v>
      </c>
      <c r="E154" s="2" t="s">
        <v>42</v>
      </c>
      <c r="F154" s="2" t="s">
        <v>445</v>
      </c>
      <c r="G154" s="8" t="s">
        <v>324</v>
      </c>
      <c r="H154" s="8" t="s">
        <v>45</v>
      </c>
      <c r="I154" s="2" t="s">
        <v>55</v>
      </c>
      <c r="J154" s="2" t="s">
        <v>446</v>
      </c>
      <c r="K154" s="2" t="s">
        <v>29</v>
      </c>
      <c r="L154" s="2" t="s">
        <v>30</v>
      </c>
      <c r="M154" s="2" t="s">
        <v>48</v>
      </c>
      <c r="N154" s="2" t="s">
        <v>49</v>
      </c>
      <c r="O154" s="2" t="s">
        <v>50</v>
      </c>
      <c r="P154" s="2" t="s">
        <v>34</v>
      </c>
      <c r="Q154" s="2" t="s">
        <v>34</v>
      </c>
      <c r="R154" s="2" t="s">
        <v>35</v>
      </c>
      <c r="S154" s="2" t="s">
        <v>447</v>
      </c>
      <c r="T154" s="2" t="s">
        <v>34</v>
      </c>
      <c r="U154" s="2" t="s">
        <v>34</v>
      </c>
      <c r="V154" s="2" t="s">
        <v>34</v>
      </c>
    </row>
    <row r="155" spans="1:22" x14ac:dyDescent="0.25">
      <c r="A155" s="2" t="s">
        <v>21</v>
      </c>
      <c r="B155" s="3" t="s">
        <v>528</v>
      </c>
      <c r="C155" s="2" t="s">
        <v>529</v>
      </c>
      <c r="D155" s="4" t="s">
        <v>1884</v>
      </c>
      <c r="E155" s="2" t="s">
        <v>42</v>
      </c>
      <c r="F155" s="2" t="s">
        <v>448</v>
      </c>
      <c r="G155" s="8" t="s">
        <v>449</v>
      </c>
      <c r="H155" s="8" t="s">
        <v>45</v>
      </c>
      <c r="I155" s="2" t="s">
        <v>46</v>
      </c>
      <c r="J155" s="2" t="s">
        <v>450</v>
      </c>
      <c r="K155" s="2" t="s">
        <v>29</v>
      </c>
      <c r="L155" s="2" t="s">
        <v>30</v>
      </c>
      <c r="M155" s="2" t="s">
        <v>48</v>
      </c>
      <c r="N155" s="2" t="s">
        <v>49</v>
      </c>
      <c r="O155" s="2" t="s">
        <v>50</v>
      </c>
      <c r="P155" s="2" t="s">
        <v>34</v>
      </c>
      <c r="Q155" s="2" t="s">
        <v>34</v>
      </c>
      <c r="R155" s="2" t="s">
        <v>35</v>
      </c>
      <c r="S155" s="2" t="s">
        <v>451</v>
      </c>
      <c r="T155" s="2" t="s">
        <v>34</v>
      </c>
      <c r="U155" s="2" t="s">
        <v>34</v>
      </c>
      <c r="V155" s="2" t="s">
        <v>34</v>
      </c>
    </row>
    <row r="156" spans="1:22" x14ac:dyDescent="0.25">
      <c r="A156" s="2" t="s">
        <v>21</v>
      </c>
      <c r="B156" s="3" t="s">
        <v>528</v>
      </c>
      <c r="C156" s="2" t="s">
        <v>529</v>
      </c>
      <c r="D156" s="4" t="s">
        <v>1885</v>
      </c>
      <c r="E156" s="2" t="s">
        <v>42</v>
      </c>
      <c r="F156" s="2" t="s">
        <v>452</v>
      </c>
      <c r="G156" s="8" t="s">
        <v>453</v>
      </c>
      <c r="H156" s="8" t="s">
        <v>45</v>
      </c>
      <c r="I156" s="2" t="s">
        <v>46</v>
      </c>
      <c r="J156" s="2" t="s">
        <v>34</v>
      </c>
      <c r="K156" s="2" t="s">
        <v>29</v>
      </c>
      <c r="L156" s="2" t="s">
        <v>30</v>
      </c>
      <c r="M156" s="2" t="s">
        <v>48</v>
      </c>
      <c r="N156" s="2" t="s">
        <v>49</v>
      </c>
      <c r="O156" s="2" t="s">
        <v>50</v>
      </c>
      <c r="P156" s="2" t="s">
        <v>34</v>
      </c>
      <c r="Q156" s="2" t="s">
        <v>34</v>
      </c>
      <c r="R156" s="2" t="s">
        <v>35</v>
      </c>
      <c r="S156" s="2" t="s">
        <v>454</v>
      </c>
      <c r="T156" s="2" t="s">
        <v>34</v>
      </c>
      <c r="U156" s="2" t="s">
        <v>34</v>
      </c>
      <c r="V156" s="2" t="s">
        <v>34</v>
      </c>
    </row>
    <row r="157" spans="1:22" x14ac:dyDescent="0.25">
      <c r="A157" s="2" t="s">
        <v>21</v>
      </c>
      <c r="B157" s="3" t="s">
        <v>528</v>
      </c>
      <c r="C157" s="2" t="s">
        <v>529</v>
      </c>
      <c r="D157" s="4" t="s">
        <v>1886</v>
      </c>
      <c r="E157" s="2" t="s">
        <v>42</v>
      </c>
      <c r="F157" s="2" t="s">
        <v>457</v>
      </c>
      <c r="G157" s="8" t="s">
        <v>458</v>
      </c>
      <c r="H157" s="8" t="s">
        <v>45</v>
      </c>
      <c r="I157" s="2" t="s">
        <v>46</v>
      </c>
      <c r="J157" s="2" t="s">
        <v>34</v>
      </c>
      <c r="K157" s="2" t="s">
        <v>29</v>
      </c>
      <c r="L157" s="2" t="s">
        <v>30</v>
      </c>
      <c r="M157" s="2" t="s">
        <v>48</v>
      </c>
      <c r="N157" s="2" t="s">
        <v>49</v>
      </c>
      <c r="O157" s="2" t="s">
        <v>50</v>
      </c>
      <c r="P157" s="2" t="s">
        <v>34</v>
      </c>
      <c r="Q157" s="2" t="s">
        <v>34</v>
      </c>
      <c r="R157" s="2" t="s">
        <v>35</v>
      </c>
      <c r="S157" s="2" t="s">
        <v>459</v>
      </c>
      <c r="T157" s="2" t="s">
        <v>34</v>
      </c>
      <c r="U157" s="2" t="s">
        <v>34</v>
      </c>
      <c r="V157" s="2" t="s">
        <v>34</v>
      </c>
    </row>
    <row r="158" spans="1:22" x14ac:dyDescent="0.25">
      <c r="A158" s="2" t="s">
        <v>21</v>
      </c>
      <c r="B158" s="3" t="s">
        <v>528</v>
      </c>
      <c r="C158" s="2" t="s">
        <v>529</v>
      </c>
      <c r="D158" s="4" t="s">
        <v>1887</v>
      </c>
      <c r="E158" s="2" t="s">
        <v>25</v>
      </c>
      <c r="F158" s="2" t="s">
        <v>537</v>
      </c>
      <c r="G158" s="8" t="s">
        <v>429</v>
      </c>
      <c r="H158" s="8" t="s">
        <v>27</v>
      </c>
      <c r="I158" s="2" t="s">
        <v>28</v>
      </c>
      <c r="J158" s="2" t="s">
        <v>538</v>
      </c>
      <c r="K158" s="2" t="s">
        <v>29</v>
      </c>
      <c r="L158" s="2" t="s">
        <v>30</v>
      </c>
      <c r="M158" s="2" t="s">
        <v>31</v>
      </c>
      <c r="N158" s="2" t="s">
        <v>32</v>
      </c>
      <c r="O158" s="2" t="s">
        <v>33</v>
      </c>
      <c r="P158" s="2" t="s">
        <v>34</v>
      </c>
      <c r="Q158" s="2" t="s">
        <v>34</v>
      </c>
      <c r="R158" s="2" t="s">
        <v>35</v>
      </c>
      <c r="S158" s="2" t="s">
        <v>539</v>
      </c>
      <c r="T158" s="2" t="s">
        <v>34</v>
      </c>
      <c r="U158" s="2" t="s">
        <v>34</v>
      </c>
      <c r="V158" s="2" t="s">
        <v>34</v>
      </c>
    </row>
    <row r="159" spans="1:22" x14ac:dyDescent="0.25">
      <c r="A159" s="2" t="s">
        <v>21</v>
      </c>
      <c r="B159" s="3" t="s">
        <v>528</v>
      </c>
      <c r="C159" s="2" t="s">
        <v>529</v>
      </c>
      <c r="D159" s="4" t="s">
        <v>1888</v>
      </c>
      <c r="E159" s="2" t="s">
        <v>84</v>
      </c>
      <c r="F159" s="2" t="s">
        <v>90</v>
      </c>
      <c r="G159" s="8" t="s">
        <v>91</v>
      </c>
      <c r="H159" s="8" t="s">
        <v>86</v>
      </c>
      <c r="I159" s="2" t="s">
        <v>34</v>
      </c>
      <c r="J159" s="2" t="s">
        <v>92</v>
      </c>
      <c r="K159" s="2" t="s">
        <v>29</v>
      </c>
      <c r="L159" s="2" t="s">
        <v>30</v>
      </c>
      <c r="M159" s="2" t="s">
        <v>31</v>
      </c>
      <c r="N159" s="2" t="s">
        <v>49</v>
      </c>
      <c r="O159" s="2" t="s">
        <v>33</v>
      </c>
      <c r="P159" s="2" t="s">
        <v>34</v>
      </c>
      <c r="Q159" s="2" t="s">
        <v>34</v>
      </c>
      <c r="R159" s="2" t="s">
        <v>35</v>
      </c>
      <c r="S159" s="2" t="s">
        <v>93</v>
      </c>
      <c r="T159" s="2" t="s">
        <v>34</v>
      </c>
      <c r="U159" s="2" t="s">
        <v>34</v>
      </c>
      <c r="V159" s="2" t="s">
        <v>34</v>
      </c>
    </row>
    <row r="160" spans="1:22" x14ac:dyDescent="0.25">
      <c r="A160" s="2" t="s">
        <v>21</v>
      </c>
      <c r="B160" s="3" t="s">
        <v>528</v>
      </c>
      <c r="C160" s="2" t="s">
        <v>529</v>
      </c>
      <c r="D160" s="4" t="s">
        <v>1889</v>
      </c>
      <c r="E160" s="2" t="s">
        <v>1890</v>
      </c>
      <c r="F160" s="2" t="s">
        <v>34</v>
      </c>
      <c r="G160" s="8" t="s">
        <v>34</v>
      </c>
      <c r="H160" s="8" t="s">
        <v>34</v>
      </c>
      <c r="I160" s="2" t="s">
        <v>1891</v>
      </c>
      <c r="J160" s="2" t="s">
        <v>1892</v>
      </c>
      <c r="K160" s="2" t="s">
        <v>115</v>
      </c>
      <c r="L160" s="2" t="s">
        <v>30</v>
      </c>
      <c r="M160" s="2" t="s">
        <v>31</v>
      </c>
      <c r="N160" s="2" t="s">
        <v>1309</v>
      </c>
      <c r="O160" s="2" t="s">
        <v>1310</v>
      </c>
      <c r="P160" s="2" t="s">
        <v>34</v>
      </c>
      <c r="Q160" s="2" t="s">
        <v>34</v>
      </c>
      <c r="R160" s="2" t="s">
        <v>35</v>
      </c>
      <c r="S160" s="2" t="s">
        <v>1893</v>
      </c>
      <c r="T160" s="2" t="s">
        <v>34</v>
      </c>
      <c r="U160" s="2" t="s">
        <v>34</v>
      </c>
      <c r="V160" s="2" t="s">
        <v>34</v>
      </c>
    </row>
    <row r="161" spans="1:22" x14ac:dyDescent="0.25">
      <c r="A161" s="2" t="s">
        <v>21</v>
      </c>
      <c r="B161" s="3" t="s">
        <v>528</v>
      </c>
      <c r="C161" s="2" t="s">
        <v>529</v>
      </c>
      <c r="D161" s="4" t="s">
        <v>1894</v>
      </c>
      <c r="E161" s="2" t="s">
        <v>99</v>
      </c>
      <c r="F161" s="2" t="s">
        <v>541</v>
      </c>
      <c r="G161" s="8" t="s">
        <v>147</v>
      </c>
      <c r="H161" s="8" t="s">
        <v>45</v>
      </c>
      <c r="I161" s="2" t="s">
        <v>34</v>
      </c>
      <c r="J161" s="2" t="s">
        <v>542</v>
      </c>
      <c r="K161" s="2" t="s">
        <v>29</v>
      </c>
      <c r="L161" s="2" t="s">
        <v>30</v>
      </c>
      <c r="M161" s="2" t="s">
        <v>31</v>
      </c>
      <c r="N161" s="2" t="s">
        <v>104</v>
      </c>
      <c r="O161" s="2" t="s">
        <v>33</v>
      </c>
      <c r="P161" s="2" t="s">
        <v>34</v>
      </c>
      <c r="Q161" s="2" t="s">
        <v>34</v>
      </c>
      <c r="R161" s="2" t="s">
        <v>35</v>
      </c>
      <c r="S161" s="2" t="s">
        <v>543</v>
      </c>
      <c r="T161" s="2" t="s">
        <v>34</v>
      </c>
      <c r="U161" s="2" t="s">
        <v>34</v>
      </c>
      <c r="V161" s="2" t="s">
        <v>34</v>
      </c>
    </row>
    <row r="162" spans="1:22" x14ac:dyDescent="0.25">
      <c r="A162" s="2" t="s">
        <v>21</v>
      </c>
      <c r="B162" s="3" t="s">
        <v>528</v>
      </c>
      <c r="C162" s="2" t="s">
        <v>529</v>
      </c>
      <c r="D162" s="4" t="s">
        <v>1895</v>
      </c>
      <c r="E162" s="2" t="s">
        <v>99</v>
      </c>
      <c r="F162" s="2" t="s">
        <v>544</v>
      </c>
      <c r="G162" s="8" t="s">
        <v>279</v>
      </c>
      <c r="H162" s="8" t="s">
        <v>45</v>
      </c>
      <c r="I162" s="2" t="s">
        <v>413</v>
      </c>
      <c r="J162" s="2" t="s">
        <v>545</v>
      </c>
      <c r="K162" s="2" t="s">
        <v>29</v>
      </c>
      <c r="L162" s="2" t="s">
        <v>30</v>
      </c>
      <c r="M162" s="2" t="s">
        <v>31</v>
      </c>
      <c r="N162" s="2" t="s">
        <v>104</v>
      </c>
      <c r="O162" s="2" t="s">
        <v>33</v>
      </c>
      <c r="P162" s="2" t="s">
        <v>34</v>
      </c>
      <c r="Q162" s="2" t="s">
        <v>34</v>
      </c>
      <c r="R162" s="2" t="s">
        <v>35</v>
      </c>
      <c r="S162" s="2" t="s">
        <v>546</v>
      </c>
      <c r="T162" s="2" t="s">
        <v>34</v>
      </c>
      <c r="U162" s="2" t="s">
        <v>34</v>
      </c>
      <c r="V162" s="2" t="s">
        <v>34</v>
      </c>
    </row>
    <row r="163" spans="1:22" x14ac:dyDescent="0.25">
      <c r="A163" s="2" t="s">
        <v>21</v>
      </c>
      <c r="B163" s="3" t="s">
        <v>528</v>
      </c>
      <c r="C163" s="2" t="s">
        <v>529</v>
      </c>
      <c r="D163" s="4" t="s">
        <v>1896</v>
      </c>
      <c r="E163" s="2" t="s">
        <v>99</v>
      </c>
      <c r="F163" s="2" t="s">
        <v>547</v>
      </c>
      <c r="G163" s="8" t="s">
        <v>152</v>
      </c>
      <c r="H163" s="8" t="s">
        <v>45</v>
      </c>
      <c r="I163" s="2" t="s">
        <v>34</v>
      </c>
      <c r="J163" s="2" t="s">
        <v>548</v>
      </c>
      <c r="K163" s="2" t="s">
        <v>29</v>
      </c>
      <c r="L163" s="2" t="s">
        <v>30</v>
      </c>
      <c r="M163" s="2" t="s">
        <v>31</v>
      </c>
      <c r="N163" s="2" t="s">
        <v>104</v>
      </c>
      <c r="O163" s="2" t="s">
        <v>33</v>
      </c>
      <c r="P163" s="2" t="s">
        <v>34</v>
      </c>
      <c r="Q163" s="2" t="s">
        <v>34</v>
      </c>
      <c r="R163" s="2" t="s">
        <v>35</v>
      </c>
      <c r="S163" s="2" t="s">
        <v>549</v>
      </c>
      <c r="T163" s="2" t="s">
        <v>34</v>
      </c>
      <c r="U163" s="2" t="s">
        <v>34</v>
      </c>
      <c r="V163" s="2" t="s">
        <v>34</v>
      </c>
    </row>
    <row r="164" spans="1:22" x14ac:dyDescent="0.25">
      <c r="A164" s="2" t="s">
        <v>21</v>
      </c>
      <c r="B164" s="3" t="s">
        <v>528</v>
      </c>
      <c r="C164" s="2" t="s">
        <v>529</v>
      </c>
      <c r="D164" s="4" t="s">
        <v>1897</v>
      </c>
      <c r="E164" s="2" t="s">
        <v>99</v>
      </c>
      <c r="F164" s="2" t="s">
        <v>550</v>
      </c>
      <c r="G164" s="8" t="s">
        <v>157</v>
      </c>
      <c r="H164" s="8" t="s">
        <v>45</v>
      </c>
      <c r="I164" s="2" t="s">
        <v>413</v>
      </c>
      <c r="J164" s="2" t="s">
        <v>551</v>
      </c>
      <c r="K164" s="2" t="s">
        <v>29</v>
      </c>
      <c r="L164" s="2" t="s">
        <v>30</v>
      </c>
      <c r="M164" s="2" t="s">
        <v>31</v>
      </c>
      <c r="N164" s="2" t="s">
        <v>104</v>
      </c>
      <c r="O164" s="2" t="s">
        <v>33</v>
      </c>
      <c r="P164" s="2" t="s">
        <v>34</v>
      </c>
      <c r="Q164" s="2" t="s">
        <v>34</v>
      </c>
      <c r="R164" s="2" t="s">
        <v>35</v>
      </c>
      <c r="S164" s="2" t="s">
        <v>552</v>
      </c>
      <c r="T164" s="2" t="s">
        <v>34</v>
      </c>
      <c r="U164" s="2" t="s">
        <v>34</v>
      </c>
      <c r="V164" s="2" t="s">
        <v>34</v>
      </c>
    </row>
    <row r="165" spans="1:22" x14ac:dyDescent="0.25">
      <c r="A165" s="2" t="s">
        <v>21</v>
      </c>
      <c r="B165" s="3" t="s">
        <v>528</v>
      </c>
      <c r="C165" s="2" t="s">
        <v>529</v>
      </c>
      <c r="D165" s="4" t="s">
        <v>1898</v>
      </c>
      <c r="E165" s="2" t="s">
        <v>228</v>
      </c>
      <c r="F165" s="2" t="s">
        <v>553</v>
      </c>
      <c r="G165" s="8" t="s">
        <v>80</v>
      </c>
      <c r="H165" s="8" t="s">
        <v>27</v>
      </c>
      <c r="I165" s="2" t="s">
        <v>425</v>
      </c>
      <c r="J165" s="2" t="s">
        <v>554</v>
      </c>
      <c r="K165" s="2" t="s">
        <v>29</v>
      </c>
      <c r="L165" s="2" t="s">
        <v>34</v>
      </c>
      <c r="M165" s="2" t="s">
        <v>116</v>
      </c>
      <c r="N165" s="2" t="s">
        <v>104</v>
      </c>
      <c r="O165" s="2" t="s">
        <v>33</v>
      </c>
      <c r="P165" s="2" t="s">
        <v>34</v>
      </c>
      <c r="Q165" s="2" t="s">
        <v>34</v>
      </c>
      <c r="R165" s="2" t="s">
        <v>35</v>
      </c>
      <c r="S165" s="2" t="s">
        <v>555</v>
      </c>
      <c r="T165" s="2" t="s">
        <v>34</v>
      </c>
      <c r="U165" s="2" t="s">
        <v>34</v>
      </c>
      <c r="V165" s="2" t="s">
        <v>34</v>
      </c>
    </row>
    <row r="166" spans="1:22" x14ac:dyDescent="0.25">
      <c r="A166" s="2" t="s">
        <v>21</v>
      </c>
      <c r="B166" s="3" t="s">
        <v>528</v>
      </c>
      <c r="C166" s="2" t="s">
        <v>529</v>
      </c>
      <c r="D166" s="4" t="s">
        <v>1899</v>
      </c>
      <c r="E166" s="2" t="s">
        <v>228</v>
      </c>
      <c r="F166" s="2" t="s">
        <v>556</v>
      </c>
      <c r="G166" s="8" t="s">
        <v>480</v>
      </c>
      <c r="H166" s="8" t="s">
        <v>27</v>
      </c>
      <c r="I166" s="2" t="s">
        <v>425</v>
      </c>
      <c r="J166" s="2" t="s">
        <v>557</v>
      </c>
      <c r="K166" s="2" t="s">
        <v>29</v>
      </c>
      <c r="L166" s="2" t="s">
        <v>34</v>
      </c>
      <c r="M166" s="2" t="s">
        <v>116</v>
      </c>
      <c r="N166" s="2" t="s">
        <v>104</v>
      </c>
      <c r="O166" s="2" t="s">
        <v>33</v>
      </c>
      <c r="P166" s="2" t="s">
        <v>34</v>
      </c>
      <c r="Q166" s="2" t="s">
        <v>34</v>
      </c>
      <c r="R166" s="2" t="s">
        <v>35</v>
      </c>
      <c r="S166" s="2" t="s">
        <v>558</v>
      </c>
      <c r="T166" s="2" t="s">
        <v>34</v>
      </c>
      <c r="U166" s="2" t="s">
        <v>34</v>
      </c>
      <c r="V166" s="2" t="s">
        <v>34</v>
      </c>
    </row>
    <row r="167" spans="1:22" x14ac:dyDescent="0.25">
      <c r="A167" s="2" t="s">
        <v>21</v>
      </c>
      <c r="B167" s="3" t="s">
        <v>528</v>
      </c>
      <c r="C167" s="2" t="s">
        <v>529</v>
      </c>
      <c r="D167" s="4" t="s">
        <v>1900</v>
      </c>
      <c r="E167" s="2" t="s">
        <v>228</v>
      </c>
      <c r="F167" s="2" t="s">
        <v>559</v>
      </c>
      <c r="G167" s="8" t="s">
        <v>560</v>
      </c>
      <c r="H167" s="8" t="s">
        <v>27</v>
      </c>
      <c r="I167" s="2" t="s">
        <v>425</v>
      </c>
      <c r="J167" s="2" t="s">
        <v>561</v>
      </c>
      <c r="K167" s="2" t="s">
        <v>29</v>
      </c>
      <c r="L167" s="2" t="s">
        <v>34</v>
      </c>
      <c r="M167" s="2" t="s">
        <v>116</v>
      </c>
      <c r="N167" s="2" t="s">
        <v>104</v>
      </c>
      <c r="O167" s="2" t="s">
        <v>33</v>
      </c>
      <c r="P167" s="2" t="s">
        <v>34</v>
      </c>
      <c r="Q167" s="2" t="s">
        <v>34</v>
      </c>
      <c r="R167" s="2" t="s">
        <v>35</v>
      </c>
      <c r="S167" s="2" t="s">
        <v>562</v>
      </c>
      <c r="T167" s="2" t="s">
        <v>34</v>
      </c>
      <c r="U167" s="2" t="s">
        <v>34</v>
      </c>
      <c r="V167" s="2" t="s">
        <v>34</v>
      </c>
    </row>
    <row r="168" spans="1:22" x14ac:dyDescent="0.25">
      <c r="A168" s="2" t="s">
        <v>21</v>
      </c>
      <c r="B168" s="3" t="s">
        <v>528</v>
      </c>
      <c r="C168" s="2" t="s">
        <v>529</v>
      </c>
      <c r="D168" s="4" t="s">
        <v>1901</v>
      </c>
      <c r="E168" s="2" t="s">
        <v>228</v>
      </c>
      <c r="F168" s="2" t="s">
        <v>563</v>
      </c>
      <c r="G168" s="8" t="s">
        <v>564</v>
      </c>
      <c r="H168" s="8" t="s">
        <v>27</v>
      </c>
      <c r="I168" s="2" t="s">
        <v>425</v>
      </c>
      <c r="J168" s="2" t="s">
        <v>565</v>
      </c>
      <c r="K168" s="2" t="s">
        <v>29</v>
      </c>
      <c r="L168" s="2" t="s">
        <v>30</v>
      </c>
      <c r="M168" s="2" t="s">
        <v>116</v>
      </c>
      <c r="N168" s="2" t="s">
        <v>104</v>
      </c>
      <c r="O168" s="2" t="s">
        <v>33</v>
      </c>
      <c r="P168" s="2" t="s">
        <v>34</v>
      </c>
      <c r="Q168" s="2" t="s">
        <v>34</v>
      </c>
      <c r="R168" s="2" t="s">
        <v>35</v>
      </c>
      <c r="S168" s="2" t="s">
        <v>566</v>
      </c>
      <c r="T168" s="2" t="s">
        <v>34</v>
      </c>
      <c r="U168" s="2" t="s">
        <v>34</v>
      </c>
      <c r="V168" s="2" t="s">
        <v>34</v>
      </c>
    </row>
    <row r="169" spans="1:22" x14ac:dyDescent="0.25">
      <c r="A169" s="2" t="s">
        <v>21</v>
      </c>
      <c r="B169" s="3" t="s">
        <v>528</v>
      </c>
      <c r="C169" s="2" t="s">
        <v>529</v>
      </c>
      <c r="D169" s="4" t="s">
        <v>1902</v>
      </c>
      <c r="E169" s="2" t="s">
        <v>42</v>
      </c>
      <c r="F169" s="2" t="s">
        <v>567</v>
      </c>
      <c r="G169" s="8" t="s">
        <v>560</v>
      </c>
      <c r="H169" s="8" t="s">
        <v>45</v>
      </c>
      <c r="I169" s="2" t="s">
        <v>46</v>
      </c>
      <c r="J169" s="2" t="s">
        <v>568</v>
      </c>
      <c r="K169" s="2" t="s">
        <v>29</v>
      </c>
      <c r="L169" s="2" t="s">
        <v>30</v>
      </c>
      <c r="M169" s="2" t="s">
        <v>48</v>
      </c>
      <c r="N169" s="2" t="s">
        <v>49</v>
      </c>
      <c r="O169" s="2" t="s">
        <v>50</v>
      </c>
      <c r="P169" s="2" t="s">
        <v>34</v>
      </c>
      <c r="Q169" s="2" t="s">
        <v>34</v>
      </c>
      <c r="R169" s="2" t="s">
        <v>35</v>
      </c>
      <c r="S169" s="2" t="s">
        <v>569</v>
      </c>
      <c r="T169" s="2" t="s">
        <v>34</v>
      </c>
      <c r="U169" s="2" t="s">
        <v>34</v>
      </c>
      <c r="V169" s="2" t="s">
        <v>34</v>
      </c>
    </row>
    <row r="170" spans="1:22" x14ac:dyDescent="0.25">
      <c r="A170" s="2" t="s">
        <v>21</v>
      </c>
      <c r="B170" s="3" t="s">
        <v>528</v>
      </c>
      <c r="C170" s="2" t="s">
        <v>529</v>
      </c>
      <c r="D170" s="4" t="s">
        <v>1903</v>
      </c>
      <c r="E170" s="2" t="s">
        <v>42</v>
      </c>
      <c r="F170" s="2" t="s">
        <v>570</v>
      </c>
      <c r="G170" s="8" t="s">
        <v>564</v>
      </c>
      <c r="H170" s="8" t="s">
        <v>45</v>
      </c>
      <c r="I170" s="2" t="s">
        <v>55</v>
      </c>
      <c r="J170" s="2" t="s">
        <v>571</v>
      </c>
      <c r="K170" s="2" t="s">
        <v>29</v>
      </c>
      <c r="L170" s="2" t="s">
        <v>30</v>
      </c>
      <c r="M170" s="2" t="s">
        <v>48</v>
      </c>
      <c r="N170" s="2" t="s">
        <v>49</v>
      </c>
      <c r="O170" s="2" t="s">
        <v>50</v>
      </c>
      <c r="P170" s="2" t="s">
        <v>34</v>
      </c>
      <c r="Q170" s="2" t="s">
        <v>34</v>
      </c>
      <c r="R170" s="2" t="s">
        <v>35</v>
      </c>
      <c r="S170" s="2" t="s">
        <v>572</v>
      </c>
      <c r="T170" s="2" t="s">
        <v>34</v>
      </c>
      <c r="U170" s="2" t="s">
        <v>34</v>
      </c>
      <c r="V170" s="2" t="s">
        <v>34</v>
      </c>
    </row>
    <row r="171" spans="1:22" x14ac:dyDescent="0.25">
      <c r="A171" s="2" t="s">
        <v>21</v>
      </c>
      <c r="B171" s="3" t="s">
        <v>528</v>
      </c>
      <c r="C171" s="2" t="s">
        <v>529</v>
      </c>
      <c r="D171" s="4" t="s">
        <v>1904</v>
      </c>
      <c r="E171" s="2" t="s">
        <v>42</v>
      </c>
      <c r="F171" s="2" t="s">
        <v>573</v>
      </c>
      <c r="G171" s="8" t="s">
        <v>574</v>
      </c>
      <c r="H171" s="8" t="s">
        <v>45</v>
      </c>
      <c r="I171" s="2" t="s">
        <v>55</v>
      </c>
      <c r="J171" s="2" t="s">
        <v>575</v>
      </c>
      <c r="K171" s="2" t="s">
        <v>29</v>
      </c>
      <c r="L171" s="2" t="s">
        <v>30</v>
      </c>
      <c r="M171" s="2" t="s">
        <v>48</v>
      </c>
      <c r="N171" s="2" t="s">
        <v>49</v>
      </c>
      <c r="O171" s="2" t="s">
        <v>50</v>
      </c>
      <c r="P171" s="2" t="s">
        <v>34</v>
      </c>
      <c r="Q171" s="2" t="s">
        <v>34</v>
      </c>
      <c r="R171" s="2" t="s">
        <v>35</v>
      </c>
      <c r="S171" s="2" t="s">
        <v>576</v>
      </c>
      <c r="T171" s="2" t="s">
        <v>34</v>
      </c>
      <c r="U171" s="2" t="s">
        <v>34</v>
      </c>
      <c r="V171" s="2" t="s">
        <v>34</v>
      </c>
    </row>
    <row r="172" spans="1:22" x14ac:dyDescent="0.25">
      <c r="A172" s="2" t="s">
        <v>21</v>
      </c>
      <c r="B172" s="3" t="s">
        <v>528</v>
      </c>
      <c r="C172" s="2" t="s">
        <v>529</v>
      </c>
      <c r="D172" s="4" t="s">
        <v>1905</v>
      </c>
      <c r="E172" s="2" t="s">
        <v>42</v>
      </c>
      <c r="F172" s="2" t="s">
        <v>132</v>
      </c>
      <c r="G172" s="8" t="s">
        <v>133</v>
      </c>
      <c r="H172" s="8" t="s">
        <v>45</v>
      </c>
      <c r="I172" s="2" t="s">
        <v>46</v>
      </c>
      <c r="J172" s="2" t="s">
        <v>134</v>
      </c>
      <c r="K172" s="2" t="s">
        <v>29</v>
      </c>
      <c r="L172" s="2" t="s">
        <v>30</v>
      </c>
      <c r="M172" s="2" t="s">
        <v>48</v>
      </c>
      <c r="N172" s="2" t="s">
        <v>49</v>
      </c>
      <c r="O172" s="2" t="s">
        <v>50</v>
      </c>
      <c r="P172" s="2" t="s">
        <v>34</v>
      </c>
      <c r="Q172" s="2" t="s">
        <v>34</v>
      </c>
      <c r="R172" s="2" t="s">
        <v>35</v>
      </c>
      <c r="S172" s="2" t="s">
        <v>135</v>
      </c>
      <c r="T172" s="2" t="s">
        <v>34</v>
      </c>
      <c r="U172" s="2" t="s">
        <v>34</v>
      </c>
      <c r="V172" s="2" t="s">
        <v>34</v>
      </c>
    </row>
    <row r="173" spans="1:22" x14ac:dyDescent="0.25">
      <c r="A173" s="2" t="s">
        <v>21</v>
      </c>
      <c r="B173" s="3" t="s">
        <v>528</v>
      </c>
      <c r="C173" s="2" t="s">
        <v>529</v>
      </c>
      <c r="D173" s="4" t="s">
        <v>1906</v>
      </c>
      <c r="E173" s="2" t="s">
        <v>42</v>
      </c>
      <c r="F173" s="2" t="s">
        <v>577</v>
      </c>
      <c r="G173" s="8" t="s">
        <v>540</v>
      </c>
      <c r="H173" s="8" t="s">
        <v>45</v>
      </c>
      <c r="I173" s="2" t="s">
        <v>55</v>
      </c>
      <c r="J173" s="2" t="s">
        <v>578</v>
      </c>
      <c r="K173" s="2" t="s">
        <v>29</v>
      </c>
      <c r="L173" s="2" t="s">
        <v>30</v>
      </c>
      <c r="M173" s="2" t="s">
        <v>48</v>
      </c>
      <c r="N173" s="2" t="s">
        <v>49</v>
      </c>
      <c r="O173" s="2" t="s">
        <v>50</v>
      </c>
      <c r="P173" s="2" t="s">
        <v>34</v>
      </c>
      <c r="Q173" s="2" t="s">
        <v>34</v>
      </c>
      <c r="R173" s="2" t="s">
        <v>35</v>
      </c>
      <c r="S173" s="2" t="s">
        <v>579</v>
      </c>
      <c r="T173" s="2" t="s">
        <v>34</v>
      </c>
      <c r="U173" s="2" t="s">
        <v>34</v>
      </c>
      <c r="V173" s="2" t="s">
        <v>34</v>
      </c>
    </row>
    <row r="174" spans="1:22" x14ac:dyDescent="0.25">
      <c r="A174" s="2" t="s">
        <v>21</v>
      </c>
      <c r="B174" s="3" t="s">
        <v>528</v>
      </c>
      <c r="C174" s="2" t="s">
        <v>529</v>
      </c>
      <c r="D174" s="4" t="s">
        <v>1907</v>
      </c>
      <c r="E174" s="2" t="s">
        <v>42</v>
      </c>
      <c r="F174" s="2" t="s">
        <v>580</v>
      </c>
      <c r="G174" s="8" t="s">
        <v>407</v>
      </c>
      <c r="H174" s="8" t="s">
        <v>45</v>
      </c>
      <c r="I174" s="2" t="s">
        <v>46</v>
      </c>
      <c r="J174" s="2" t="s">
        <v>581</v>
      </c>
      <c r="K174" s="2" t="s">
        <v>29</v>
      </c>
      <c r="L174" s="2" t="s">
        <v>30</v>
      </c>
      <c r="M174" s="2" t="s">
        <v>48</v>
      </c>
      <c r="N174" s="2" t="s">
        <v>49</v>
      </c>
      <c r="O174" s="2" t="s">
        <v>50</v>
      </c>
      <c r="P174" s="2" t="s">
        <v>34</v>
      </c>
      <c r="Q174" s="2" t="s">
        <v>34</v>
      </c>
      <c r="R174" s="2" t="s">
        <v>35</v>
      </c>
      <c r="S174" s="2" t="s">
        <v>582</v>
      </c>
      <c r="T174" s="2" t="s">
        <v>34</v>
      </c>
      <c r="U174" s="2" t="s">
        <v>34</v>
      </c>
      <c r="V174" s="2" t="s">
        <v>34</v>
      </c>
    </row>
    <row r="175" spans="1:22" x14ac:dyDescent="0.25">
      <c r="A175" s="2" t="s">
        <v>21</v>
      </c>
      <c r="B175" s="3" t="s">
        <v>528</v>
      </c>
      <c r="C175" s="2" t="s">
        <v>529</v>
      </c>
      <c r="D175" s="4" t="s">
        <v>1908</v>
      </c>
      <c r="E175" s="2" t="s">
        <v>42</v>
      </c>
      <c r="F175" s="2" t="s">
        <v>583</v>
      </c>
      <c r="G175" s="8" t="s">
        <v>584</v>
      </c>
      <c r="H175" s="8" t="s">
        <v>45</v>
      </c>
      <c r="I175" s="2" t="s">
        <v>46</v>
      </c>
      <c r="J175" s="2" t="s">
        <v>585</v>
      </c>
      <c r="K175" s="2" t="s">
        <v>29</v>
      </c>
      <c r="L175" s="2" t="s">
        <v>30</v>
      </c>
      <c r="M175" s="2" t="s">
        <v>48</v>
      </c>
      <c r="N175" s="2" t="s">
        <v>49</v>
      </c>
      <c r="O175" s="2" t="s">
        <v>50</v>
      </c>
      <c r="P175" s="2" t="s">
        <v>34</v>
      </c>
      <c r="Q175" s="2" t="s">
        <v>34</v>
      </c>
      <c r="R175" s="2" t="s">
        <v>35</v>
      </c>
      <c r="S175" s="2" t="s">
        <v>586</v>
      </c>
      <c r="T175" s="2" t="s">
        <v>34</v>
      </c>
      <c r="U175" s="2" t="s">
        <v>34</v>
      </c>
      <c r="V175" s="2" t="s">
        <v>34</v>
      </c>
    </row>
    <row r="176" spans="1:22" x14ac:dyDescent="0.25">
      <c r="A176" s="2" t="s">
        <v>21</v>
      </c>
      <c r="B176" s="3" t="s">
        <v>528</v>
      </c>
      <c r="C176" s="2" t="s">
        <v>529</v>
      </c>
      <c r="D176" s="4" t="s">
        <v>1909</v>
      </c>
      <c r="E176" s="2" t="s">
        <v>42</v>
      </c>
      <c r="F176" s="2" t="s">
        <v>587</v>
      </c>
      <c r="G176" s="8" t="s">
        <v>489</v>
      </c>
      <c r="H176" s="8" t="s">
        <v>45</v>
      </c>
      <c r="I176" s="2" t="s">
        <v>46</v>
      </c>
      <c r="J176" s="2" t="s">
        <v>588</v>
      </c>
      <c r="K176" s="2" t="s">
        <v>29</v>
      </c>
      <c r="L176" s="2" t="s">
        <v>30</v>
      </c>
      <c r="M176" s="2" t="s">
        <v>48</v>
      </c>
      <c r="N176" s="2" t="s">
        <v>49</v>
      </c>
      <c r="O176" s="2" t="s">
        <v>50</v>
      </c>
      <c r="P176" s="2" t="s">
        <v>34</v>
      </c>
      <c r="Q176" s="2" t="s">
        <v>34</v>
      </c>
      <c r="R176" s="2" t="s">
        <v>35</v>
      </c>
      <c r="S176" s="2" t="s">
        <v>589</v>
      </c>
      <c r="T176" s="2" t="s">
        <v>34</v>
      </c>
      <c r="U176" s="2" t="s">
        <v>34</v>
      </c>
      <c r="V176" s="2" t="s">
        <v>34</v>
      </c>
    </row>
    <row r="177" spans="1:22" x14ac:dyDescent="0.25">
      <c r="A177" s="2" t="s">
        <v>21</v>
      </c>
      <c r="B177" s="3" t="s">
        <v>528</v>
      </c>
      <c r="C177" s="2" t="s">
        <v>529</v>
      </c>
      <c r="D177" s="4" t="s">
        <v>1910</v>
      </c>
      <c r="E177" s="2" t="s">
        <v>42</v>
      </c>
      <c r="F177" s="2" t="s">
        <v>590</v>
      </c>
      <c r="G177" s="8" t="s">
        <v>591</v>
      </c>
      <c r="H177" s="8" t="s">
        <v>45</v>
      </c>
      <c r="I177" s="2" t="s">
        <v>46</v>
      </c>
      <c r="J177" s="2" t="s">
        <v>592</v>
      </c>
      <c r="K177" s="2" t="s">
        <v>29</v>
      </c>
      <c r="L177" s="2" t="s">
        <v>30</v>
      </c>
      <c r="M177" s="2" t="s">
        <v>48</v>
      </c>
      <c r="N177" s="2" t="s">
        <v>49</v>
      </c>
      <c r="O177" s="2" t="s">
        <v>50</v>
      </c>
      <c r="P177" s="2" t="s">
        <v>34</v>
      </c>
      <c r="Q177" s="2" t="s">
        <v>34</v>
      </c>
      <c r="R177" s="2" t="s">
        <v>35</v>
      </c>
      <c r="S177" s="2" t="s">
        <v>593</v>
      </c>
      <c r="T177" s="2" t="s">
        <v>34</v>
      </c>
      <c r="U177" s="2" t="s">
        <v>34</v>
      </c>
      <c r="V177" s="2" t="s">
        <v>34</v>
      </c>
    </row>
    <row r="178" spans="1:22" x14ac:dyDescent="0.25">
      <c r="A178" s="2" t="s">
        <v>21</v>
      </c>
      <c r="B178" s="3" t="s">
        <v>528</v>
      </c>
      <c r="C178" s="2" t="s">
        <v>529</v>
      </c>
      <c r="D178" s="4" t="s">
        <v>1911</v>
      </c>
      <c r="E178" s="2" t="s">
        <v>42</v>
      </c>
      <c r="F178" s="2" t="s">
        <v>594</v>
      </c>
      <c r="G178" s="8" t="s">
        <v>595</v>
      </c>
      <c r="H178" s="8" t="s">
        <v>45</v>
      </c>
      <c r="I178" s="2" t="s">
        <v>46</v>
      </c>
      <c r="J178" s="2" t="s">
        <v>596</v>
      </c>
      <c r="K178" s="2" t="s">
        <v>29</v>
      </c>
      <c r="L178" s="2" t="s">
        <v>30</v>
      </c>
      <c r="M178" s="2" t="s">
        <v>48</v>
      </c>
      <c r="N178" s="2" t="s">
        <v>49</v>
      </c>
      <c r="O178" s="2" t="s">
        <v>50</v>
      </c>
      <c r="P178" s="2" t="s">
        <v>34</v>
      </c>
      <c r="Q178" s="2" t="s">
        <v>34</v>
      </c>
      <c r="R178" s="2" t="s">
        <v>35</v>
      </c>
      <c r="S178" s="2" t="s">
        <v>597</v>
      </c>
      <c r="T178" s="2" t="s">
        <v>34</v>
      </c>
      <c r="U178" s="2" t="s">
        <v>34</v>
      </c>
      <c r="V178" s="2" t="s">
        <v>34</v>
      </c>
    </row>
    <row r="179" spans="1:22" x14ac:dyDescent="0.25">
      <c r="A179" s="2" t="s">
        <v>21</v>
      </c>
      <c r="B179" s="3" t="s">
        <v>528</v>
      </c>
      <c r="C179" s="2" t="s">
        <v>529</v>
      </c>
      <c r="D179" s="4" t="s">
        <v>1912</v>
      </c>
      <c r="E179" s="2" t="s">
        <v>42</v>
      </c>
      <c r="F179" s="2" t="s">
        <v>598</v>
      </c>
      <c r="G179" s="8" t="s">
        <v>240</v>
      </c>
      <c r="H179" s="8" t="s">
        <v>45</v>
      </c>
      <c r="I179" s="2" t="s">
        <v>46</v>
      </c>
      <c r="J179" s="2" t="s">
        <v>599</v>
      </c>
      <c r="K179" s="2" t="s">
        <v>29</v>
      </c>
      <c r="L179" s="2" t="s">
        <v>30</v>
      </c>
      <c r="M179" s="2" t="s">
        <v>48</v>
      </c>
      <c r="N179" s="2" t="s">
        <v>49</v>
      </c>
      <c r="O179" s="2" t="s">
        <v>50</v>
      </c>
      <c r="P179" s="2" t="s">
        <v>34</v>
      </c>
      <c r="Q179" s="2" t="s">
        <v>34</v>
      </c>
      <c r="R179" s="2" t="s">
        <v>35</v>
      </c>
      <c r="S179" s="2" t="s">
        <v>600</v>
      </c>
      <c r="T179" s="2" t="s">
        <v>34</v>
      </c>
      <c r="U179" s="2" t="s">
        <v>34</v>
      </c>
      <c r="V179" s="2" t="s">
        <v>34</v>
      </c>
    </row>
    <row r="180" spans="1:22" x14ac:dyDescent="0.25">
      <c r="A180" s="2" t="s">
        <v>21</v>
      </c>
      <c r="B180" s="3" t="s">
        <v>528</v>
      </c>
      <c r="C180" s="2" t="s">
        <v>529</v>
      </c>
      <c r="D180" s="4" t="s">
        <v>1913</v>
      </c>
      <c r="E180" s="2" t="s">
        <v>42</v>
      </c>
      <c r="F180" s="2" t="s">
        <v>601</v>
      </c>
      <c r="G180" s="8" t="s">
        <v>351</v>
      </c>
      <c r="H180" s="8" t="s">
        <v>45</v>
      </c>
      <c r="I180" s="2" t="s">
        <v>55</v>
      </c>
      <c r="J180" s="2" t="s">
        <v>602</v>
      </c>
      <c r="K180" s="2" t="s">
        <v>29</v>
      </c>
      <c r="L180" s="2" t="s">
        <v>30</v>
      </c>
      <c r="M180" s="2" t="s">
        <v>48</v>
      </c>
      <c r="N180" s="2" t="s">
        <v>49</v>
      </c>
      <c r="O180" s="2" t="s">
        <v>50</v>
      </c>
      <c r="P180" s="2" t="s">
        <v>34</v>
      </c>
      <c r="Q180" s="2" t="s">
        <v>34</v>
      </c>
      <c r="R180" s="2" t="s">
        <v>35</v>
      </c>
      <c r="S180" s="2" t="s">
        <v>603</v>
      </c>
      <c r="T180" s="2" t="s">
        <v>34</v>
      </c>
      <c r="U180" s="2" t="s">
        <v>34</v>
      </c>
      <c r="V180" s="2" t="s">
        <v>34</v>
      </c>
    </row>
    <row r="181" spans="1:22" x14ac:dyDescent="0.25">
      <c r="A181" s="2" t="s">
        <v>21</v>
      </c>
      <c r="B181" s="3" t="s">
        <v>528</v>
      </c>
      <c r="C181" s="2" t="s">
        <v>529</v>
      </c>
      <c r="D181" s="4" t="s">
        <v>1914</v>
      </c>
      <c r="E181" s="2" t="s">
        <v>42</v>
      </c>
      <c r="F181" s="2" t="s">
        <v>604</v>
      </c>
      <c r="G181" s="8" t="s">
        <v>511</v>
      </c>
      <c r="H181" s="8" t="s">
        <v>45</v>
      </c>
      <c r="I181" s="2" t="s">
        <v>46</v>
      </c>
      <c r="J181" s="2" t="s">
        <v>605</v>
      </c>
      <c r="K181" s="2" t="s">
        <v>29</v>
      </c>
      <c r="L181" s="2" t="s">
        <v>30</v>
      </c>
      <c r="M181" s="2" t="s">
        <v>48</v>
      </c>
      <c r="N181" s="2" t="s">
        <v>49</v>
      </c>
      <c r="O181" s="2" t="s">
        <v>50</v>
      </c>
      <c r="P181" s="2" t="s">
        <v>34</v>
      </c>
      <c r="Q181" s="2" t="s">
        <v>34</v>
      </c>
      <c r="R181" s="2" t="s">
        <v>35</v>
      </c>
      <c r="S181" s="2" t="s">
        <v>606</v>
      </c>
      <c r="T181" s="2" t="s">
        <v>34</v>
      </c>
      <c r="U181" s="2" t="s">
        <v>34</v>
      </c>
      <c r="V181" s="2" t="s">
        <v>34</v>
      </c>
    </row>
    <row r="182" spans="1:22" x14ac:dyDescent="0.25">
      <c r="A182" s="2" t="s">
        <v>21</v>
      </c>
      <c r="B182" s="3" t="s">
        <v>528</v>
      </c>
      <c r="C182" s="2" t="s">
        <v>529</v>
      </c>
      <c r="D182" s="4" t="s">
        <v>1915</v>
      </c>
      <c r="E182" s="2" t="s">
        <v>42</v>
      </c>
      <c r="F182" s="2" t="s">
        <v>607</v>
      </c>
      <c r="G182" s="8" t="s">
        <v>516</v>
      </c>
      <c r="H182" s="8" t="s">
        <v>45</v>
      </c>
      <c r="I182" s="2" t="s">
        <v>46</v>
      </c>
      <c r="J182" s="2" t="s">
        <v>608</v>
      </c>
      <c r="K182" s="2" t="s">
        <v>29</v>
      </c>
      <c r="L182" s="2" t="s">
        <v>30</v>
      </c>
      <c r="M182" s="2" t="s">
        <v>48</v>
      </c>
      <c r="N182" s="2" t="s">
        <v>49</v>
      </c>
      <c r="O182" s="2" t="s">
        <v>50</v>
      </c>
      <c r="P182" s="2" t="s">
        <v>34</v>
      </c>
      <c r="Q182" s="2" t="s">
        <v>34</v>
      </c>
      <c r="R182" s="2" t="s">
        <v>35</v>
      </c>
      <c r="S182" s="2" t="s">
        <v>609</v>
      </c>
      <c r="T182" s="2" t="s">
        <v>34</v>
      </c>
      <c r="U182" s="2" t="s">
        <v>34</v>
      </c>
      <c r="V182" s="2" t="s">
        <v>34</v>
      </c>
    </row>
    <row r="183" spans="1:22" x14ac:dyDescent="0.25">
      <c r="A183" s="2" t="s">
        <v>21</v>
      </c>
      <c r="B183" s="3" t="s">
        <v>528</v>
      </c>
      <c r="C183" s="2" t="s">
        <v>529</v>
      </c>
      <c r="D183" s="4" t="s">
        <v>1916</v>
      </c>
      <c r="E183" s="2" t="s">
        <v>42</v>
      </c>
      <c r="F183" s="2" t="s">
        <v>136</v>
      </c>
      <c r="G183" s="8" t="s">
        <v>101</v>
      </c>
      <c r="H183" s="8" t="s">
        <v>45</v>
      </c>
      <c r="I183" s="2" t="s">
        <v>55</v>
      </c>
      <c r="J183" s="2" t="s">
        <v>34</v>
      </c>
      <c r="K183" s="2" t="s">
        <v>29</v>
      </c>
      <c r="L183" s="2" t="s">
        <v>30</v>
      </c>
      <c r="M183" s="2" t="s">
        <v>48</v>
      </c>
      <c r="N183" s="2" t="s">
        <v>49</v>
      </c>
      <c r="O183" s="2" t="s">
        <v>50</v>
      </c>
      <c r="P183" s="2" t="s">
        <v>34</v>
      </c>
      <c r="Q183" s="2" t="s">
        <v>34</v>
      </c>
      <c r="R183" s="2" t="s">
        <v>35</v>
      </c>
      <c r="S183" s="2" t="s">
        <v>137</v>
      </c>
      <c r="T183" s="2" t="s">
        <v>34</v>
      </c>
      <c r="U183" s="2" t="s">
        <v>34</v>
      </c>
      <c r="V183" s="2" t="s">
        <v>34</v>
      </c>
    </row>
    <row r="184" spans="1:22" x14ac:dyDescent="0.25">
      <c r="A184" s="2" t="s">
        <v>21</v>
      </c>
      <c r="B184" s="3" t="s">
        <v>528</v>
      </c>
      <c r="C184" s="2" t="s">
        <v>529</v>
      </c>
      <c r="D184" s="4" t="s">
        <v>1917</v>
      </c>
      <c r="E184" s="2" t="s">
        <v>84</v>
      </c>
      <c r="F184" s="2" t="s">
        <v>94</v>
      </c>
      <c r="G184" s="8" t="s">
        <v>95</v>
      </c>
      <c r="H184" s="8" t="s">
        <v>86</v>
      </c>
      <c r="I184" s="2" t="s">
        <v>34</v>
      </c>
      <c r="J184" s="2" t="s">
        <v>96</v>
      </c>
      <c r="K184" s="2" t="s">
        <v>29</v>
      </c>
      <c r="L184" s="2" t="s">
        <v>30</v>
      </c>
      <c r="M184" s="2" t="s">
        <v>31</v>
      </c>
      <c r="N184" s="2" t="s">
        <v>49</v>
      </c>
      <c r="O184" s="2" t="s">
        <v>33</v>
      </c>
      <c r="P184" s="2" t="s">
        <v>34</v>
      </c>
      <c r="Q184" s="2" t="s">
        <v>34</v>
      </c>
      <c r="R184" s="2" t="s">
        <v>35</v>
      </c>
      <c r="S184" s="2" t="s">
        <v>97</v>
      </c>
      <c r="T184" s="2" t="s">
        <v>34</v>
      </c>
      <c r="U184" s="2" t="s">
        <v>34</v>
      </c>
      <c r="V184" s="2" t="s">
        <v>34</v>
      </c>
    </row>
    <row r="185" spans="1:22" x14ac:dyDescent="0.25">
      <c r="A185" s="2" t="s">
        <v>21</v>
      </c>
      <c r="B185" s="3" t="s">
        <v>528</v>
      </c>
      <c r="C185" s="2" t="s">
        <v>529</v>
      </c>
      <c r="D185" s="4" t="s">
        <v>1918</v>
      </c>
      <c r="E185" s="2" t="s">
        <v>197</v>
      </c>
      <c r="F185" s="2" t="s">
        <v>610</v>
      </c>
      <c r="G185" s="8" t="s">
        <v>157</v>
      </c>
      <c r="H185" s="8" t="s">
        <v>45</v>
      </c>
      <c r="I185" s="2" t="s">
        <v>199</v>
      </c>
      <c r="J185" s="2" t="s">
        <v>611</v>
      </c>
      <c r="K185" s="2" t="s">
        <v>29</v>
      </c>
      <c r="L185" s="2" t="s">
        <v>30</v>
      </c>
      <c r="M185" s="2" t="s">
        <v>31</v>
      </c>
      <c r="N185" s="2" t="s">
        <v>104</v>
      </c>
      <c r="O185" s="2" t="s">
        <v>33</v>
      </c>
      <c r="P185" s="2" t="s">
        <v>34</v>
      </c>
      <c r="Q185" s="2" t="s">
        <v>34</v>
      </c>
      <c r="R185" s="2" t="s">
        <v>35</v>
      </c>
      <c r="S185" s="2" t="s">
        <v>612</v>
      </c>
      <c r="T185" s="2" t="s">
        <v>34</v>
      </c>
      <c r="U185" s="2" t="s">
        <v>34</v>
      </c>
      <c r="V185" s="2" t="s">
        <v>34</v>
      </c>
    </row>
    <row r="186" spans="1:22" x14ac:dyDescent="0.25">
      <c r="A186" s="2" t="s">
        <v>21</v>
      </c>
      <c r="B186" s="3" t="s">
        <v>528</v>
      </c>
      <c r="C186" s="2" t="s">
        <v>529</v>
      </c>
      <c r="D186" s="4" t="s">
        <v>1919</v>
      </c>
      <c r="E186" s="2" t="s">
        <v>99</v>
      </c>
      <c r="F186" s="2" t="s">
        <v>613</v>
      </c>
      <c r="G186" s="8" t="s">
        <v>584</v>
      </c>
      <c r="H186" s="8" t="s">
        <v>27</v>
      </c>
      <c r="I186" s="2" t="s">
        <v>34</v>
      </c>
      <c r="J186" s="2" t="s">
        <v>614</v>
      </c>
      <c r="K186" s="2" t="s">
        <v>29</v>
      </c>
      <c r="L186" s="2" t="s">
        <v>30</v>
      </c>
      <c r="M186" s="2" t="s">
        <v>31</v>
      </c>
      <c r="N186" s="2" t="s">
        <v>183</v>
      </c>
      <c r="O186" s="2" t="s">
        <v>33</v>
      </c>
      <c r="P186" s="2" t="s">
        <v>34</v>
      </c>
      <c r="Q186" s="2" t="s">
        <v>34</v>
      </c>
      <c r="R186" s="2" t="s">
        <v>35</v>
      </c>
      <c r="S186" s="2" t="s">
        <v>615</v>
      </c>
      <c r="T186" s="2" t="s">
        <v>34</v>
      </c>
      <c r="U186" s="2" t="s">
        <v>34</v>
      </c>
      <c r="V186" s="2" t="s">
        <v>34</v>
      </c>
    </row>
    <row r="187" spans="1:22" x14ac:dyDescent="0.25">
      <c r="A187" s="2" t="s">
        <v>21</v>
      </c>
      <c r="B187" s="3" t="s">
        <v>528</v>
      </c>
      <c r="C187" s="2" t="s">
        <v>529</v>
      </c>
      <c r="D187" s="4" t="s">
        <v>1920</v>
      </c>
      <c r="E187" s="2" t="s">
        <v>228</v>
      </c>
      <c r="F187" s="2" t="s">
        <v>616</v>
      </c>
      <c r="G187" s="8" t="s">
        <v>388</v>
      </c>
      <c r="H187" s="8" t="s">
        <v>45</v>
      </c>
      <c r="I187" s="2" t="s">
        <v>1921</v>
      </c>
      <c r="J187" s="2" t="s">
        <v>617</v>
      </c>
      <c r="K187" s="2" t="s">
        <v>29</v>
      </c>
      <c r="L187" s="2" t="s">
        <v>231</v>
      </c>
      <c r="M187" s="2" t="s">
        <v>116</v>
      </c>
      <c r="N187" s="2" t="s">
        <v>220</v>
      </c>
      <c r="O187" s="2" t="s">
        <v>33</v>
      </c>
      <c r="P187" s="2" t="s">
        <v>34</v>
      </c>
      <c r="Q187" s="2" t="s">
        <v>34</v>
      </c>
      <c r="R187" s="2" t="s">
        <v>35</v>
      </c>
      <c r="S187" s="2" t="s">
        <v>618</v>
      </c>
      <c r="T187" s="2" t="s">
        <v>34</v>
      </c>
      <c r="U187" s="2" t="s">
        <v>34</v>
      </c>
      <c r="V187" s="2" t="s">
        <v>34</v>
      </c>
    </row>
    <row r="188" spans="1:22" x14ac:dyDescent="0.25">
      <c r="A188" s="2" t="s">
        <v>21</v>
      </c>
      <c r="B188" s="3" t="s">
        <v>528</v>
      </c>
      <c r="C188" s="2" t="s">
        <v>529</v>
      </c>
      <c r="D188" s="4" t="s">
        <v>1922</v>
      </c>
      <c r="E188" s="2" t="s">
        <v>209</v>
      </c>
      <c r="F188" s="2" t="s">
        <v>619</v>
      </c>
      <c r="G188" s="8" t="s">
        <v>620</v>
      </c>
      <c r="H188" s="8" t="s">
        <v>86</v>
      </c>
      <c r="I188" s="2" t="s">
        <v>34</v>
      </c>
      <c r="J188" s="2" t="s">
        <v>621</v>
      </c>
      <c r="K188" s="2" t="s">
        <v>29</v>
      </c>
      <c r="L188" s="2" t="s">
        <v>30</v>
      </c>
      <c r="M188" s="2" t="s">
        <v>31</v>
      </c>
      <c r="N188" s="2" t="s">
        <v>183</v>
      </c>
      <c r="O188" s="2" t="s">
        <v>189</v>
      </c>
      <c r="P188" s="2" t="s">
        <v>34</v>
      </c>
      <c r="Q188" s="2" t="s">
        <v>34</v>
      </c>
      <c r="R188" s="2" t="s">
        <v>35</v>
      </c>
      <c r="S188" s="2" t="s">
        <v>622</v>
      </c>
      <c r="T188" s="2" t="s">
        <v>34</v>
      </c>
      <c r="U188" s="2" t="s">
        <v>34</v>
      </c>
      <c r="V188" s="2" t="s">
        <v>34</v>
      </c>
    </row>
    <row r="189" spans="1:22" x14ac:dyDescent="0.25">
      <c r="A189" s="2" t="s">
        <v>21</v>
      </c>
      <c r="B189" s="3" t="s">
        <v>528</v>
      </c>
      <c r="C189" s="2" t="s">
        <v>529</v>
      </c>
      <c r="D189" s="4" t="s">
        <v>1923</v>
      </c>
      <c r="E189" s="2" t="s">
        <v>215</v>
      </c>
      <c r="F189" s="2" t="s">
        <v>623</v>
      </c>
      <c r="G189" s="8" t="s">
        <v>624</v>
      </c>
      <c r="H189" s="8" t="s">
        <v>86</v>
      </c>
      <c r="I189" s="2" t="s">
        <v>218</v>
      </c>
      <c r="J189" s="2" t="s">
        <v>625</v>
      </c>
      <c r="K189" s="2" t="s">
        <v>29</v>
      </c>
      <c r="L189" s="2" t="s">
        <v>30</v>
      </c>
      <c r="M189" s="2" t="s">
        <v>31</v>
      </c>
      <c r="N189" s="2" t="s">
        <v>220</v>
      </c>
      <c r="O189" s="2" t="s">
        <v>189</v>
      </c>
      <c r="P189" s="2" t="s">
        <v>34</v>
      </c>
      <c r="Q189" s="2" t="s">
        <v>34</v>
      </c>
      <c r="R189" s="2" t="s">
        <v>35</v>
      </c>
      <c r="S189" s="2" t="s">
        <v>626</v>
      </c>
      <c r="T189" s="2" t="s">
        <v>34</v>
      </c>
      <c r="U189" s="2" t="s">
        <v>34</v>
      </c>
      <c r="V189" s="2" t="s">
        <v>34</v>
      </c>
    </row>
    <row r="190" spans="1:22" x14ac:dyDescent="0.25">
      <c r="A190" s="2" t="s">
        <v>21</v>
      </c>
      <c r="B190" s="3" t="s">
        <v>528</v>
      </c>
      <c r="C190" s="2" t="s">
        <v>529</v>
      </c>
      <c r="D190" s="4" t="s">
        <v>1924</v>
      </c>
      <c r="E190" s="2" t="s">
        <v>223</v>
      </c>
      <c r="F190" s="2" t="s">
        <v>627</v>
      </c>
      <c r="G190" s="8" t="s">
        <v>44</v>
      </c>
      <c r="H190" s="8" t="s">
        <v>45</v>
      </c>
      <c r="I190" s="2" t="s">
        <v>34</v>
      </c>
      <c r="J190" s="2" t="s">
        <v>628</v>
      </c>
      <c r="K190" s="2" t="s">
        <v>29</v>
      </c>
      <c r="L190" s="2" t="s">
        <v>30</v>
      </c>
      <c r="M190" s="2" t="s">
        <v>31</v>
      </c>
      <c r="N190" s="2" t="s">
        <v>49</v>
      </c>
      <c r="O190" s="2" t="s">
        <v>33</v>
      </c>
      <c r="P190" s="2" t="s">
        <v>34</v>
      </c>
      <c r="Q190" s="2" t="s">
        <v>34</v>
      </c>
      <c r="R190" s="2" t="s">
        <v>35</v>
      </c>
      <c r="S190" s="2" t="s">
        <v>629</v>
      </c>
      <c r="T190" s="2" t="s">
        <v>34</v>
      </c>
      <c r="U190" s="2" t="s">
        <v>34</v>
      </c>
      <c r="V190" s="2" t="s">
        <v>34</v>
      </c>
    </row>
    <row r="191" spans="1:22" x14ac:dyDescent="0.25">
      <c r="A191" s="2" t="s">
        <v>21</v>
      </c>
      <c r="B191" s="3" t="s">
        <v>528</v>
      </c>
      <c r="C191" s="2" t="s">
        <v>529</v>
      </c>
      <c r="D191" s="4" t="s">
        <v>1925</v>
      </c>
      <c r="E191" s="2" t="s">
        <v>42</v>
      </c>
      <c r="F191" s="2" t="s">
        <v>124</v>
      </c>
      <c r="G191" s="8" t="s">
        <v>27</v>
      </c>
      <c r="H191" s="8" t="s">
        <v>45</v>
      </c>
      <c r="I191" s="2" t="s">
        <v>55</v>
      </c>
      <c r="J191" s="2" t="s">
        <v>125</v>
      </c>
      <c r="K191" s="2" t="s">
        <v>29</v>
      </c>
      <c r="L191" s="2" t="s">
        <v>30</v>
      </c>
      <c r="M191" s="2" t="s">
        <v>48</v>
      </c>
      <c r="N191" s="2" t="s">
        <v>49</v>
      </c>
      <c r="O191" s="2" t="s">
        <v>50</v>
      </c>
      <c r="P191" s="2" t="s">
        <v>34</v>
      </c>
      <c r="Q191" s="2" t="s">
        <v>34</v>
      </c>
      <c r="R191" s="2" t="s">
        <v>35</v>
      </c>
      <c r="S191" s="2" t="s">
        <v>126</v>
      </c>
      <c r="T191" s="2" t="s">
        <v>34</v>
      </c>
      <c r="U191" s="2" t="s">
        <v>34</v>
      </c>
      <c r="V191" s="2" t="s">
        <v>34</v>
      </c>
    </row>
    <row r="192" spans="1:22" x14ac:dyDescent="0.25">
      <c r="A192" s="2" t="s">
        <v>21</v>
      </c>
      <c r="B192" s="3" t="s">
        <v>528</v>
      </c>
      <c r="C192" s="2" t="s">
        <v>529</v>
      </c>
      <c r="D192" s="4" t="s">
        <v>1926</v>
      </c>
      <c r="E192" s="2" t="s">
        <v>42</v>
      </c>
      <c r="F192" s="2" t="s">
        <v>171</v>
      </c>
      <c r="G192" s="8" t="s">
        <v>172</v>
      </c>
      <c r="H192" s="8" t="s">
        <v>45</v>
      </c>
      <c r="I192" s="2" t="s">
        <v>46</v>
      </c>
      <c r="J192" s="2" t="s">
        <v>173</v>
      </c>
      <c r="K192" s="2" t="s">
        <v>29</v>
      </c>
      <c r="L192" s="2" t="s">
        <v>30</v>
      </c>
      <c r="M192" s="2" t="s">
        <v>48</v>
      </c>
      <c r="N192" s="2" t="s">
        <v>49</v>
      </c>
      <c r="O192" s="2" t="s">
        <v>50</v>
      </c>
      <c r="P192" s="2" t="s">
        <v>34</v>
      </c>
      <c r="Q192" s="2" t="s">
        <v>34</v>
      </c>
      <c r="R192" s="2" t="s">
        <v>35</v>
      </c>
      <c r="S192" s="2" t="s">
        <v>174</v>
      </c>
      <c r="T192" s="2" t="s">
        <v>34</v>
      </c>
      <c r="U192" s="2" t="s">
        <v>34</v>
      </c>
      <c r="V192" s="2" t="s">
        <v>34</v>
      </c>
    </row>
    <row r="193" spans="1:22" x14ac:dyDescent="0.25">
      <c r="A193" s="2" t="s">
        <v>21</v>
      </c>
      <c r="B193" s="3" t="s">
        <v>528</v>
      </c>
      <c r="C193" s="2" t="s">
        <v>529</v>
      </c>
      <c r="D193" s="4" t="s">
        <v>1927</v>
      </c>
      <c r="E193" s="2" t="s">
        <v>42</v>
      </c>
      <c r="F193" s="2" t="s">
        <v>166</v>
      </c>
      <c r="G193" s="8" t="s">
        <v>167</v>
      </c>
      <c r="H193" s="8" t="s">
        <v>45</v>
      </c>
      <c r="I193" s="2" t="s">
        <v>46</v>
      </c>
      <c r="J193" s="2" t="s">
        <v>168</v>
      </c>
      <c r="K193" s="2" t="s">
        <v>29</v>
      </c>
      <c r="L193" s="2" t="s">
        <v>30</v>
      </c>
      <c r="M193" s="2" t="s">
        <v>48</v>
      </c>
      <c r="N193" s="2" t="s">
        <v>49</v>
      </c>
      <c r="O193" s="2" t="s">
        <v>50</v>
      </c>
      <c r="P193" s="2" t="s">
        <v>34</v>
      </c>
      <c r="Q193" s="2" t="s">
        <v>34</v>
      </c>
      <c r="R193" s="2" t="s">
        <v>35</v>
      </c>
      <c r="S193" s="2" t="s">
        <v>169</v>
      </c>
      <c r="T193" s="2" t="s">
        <v>34</v>
      </c>
      <c r="U193" s="2" t="s">
        <v>34</v>
      </c>
      <c r="V193" s="2" t="s">
        <v>34</v>
      </c>
    </row>
    <row r="194" spans="1:22" x14ac:dyDescent="0.25">
      <c r="A194" s="2" t="s">
        <v>21</v>
      </c>
      <c r="B194" s="3" t="s">
        <v>528</v>
      </c>
      <c r="C194" s="2" t="s">
        <v>529</v>
      </c>
      <c r="D194" s="4" t="s">
        <v>1928</v>
      </c>
      <c r="E194" s="2" t="s">
        <v>84</v>
      </c>
      <c r="F194" s="2" t="s">
        <v>330</v>
      </c>
      <c r="G194" s="8" t="s">
        <v>404</v>
      </c>
      <c r="H194" s="8" t="s">
        <v>86</v>
      </c>
      <c r="I194" s="2" t="s">
        <v>34</v>
      </c>
      <c r="J194" s="2" t="s">
        <v>405</v>
      </c>
      <c r="K194" s="2" t="s">
        <v>29</v>
      </c>
      <c r="L194" s="2" t="s">
        <v>30</v>
      </c>
      <c r="M194" s="2" t="s">
        <v>31</v>
      </c>
      <c r="N194" s="2" t="s">
        <v>49</v>
      </c>
      <c r="O194" s="2" t="s">
        <v>33</v>
      </c>
      <c r="P194" s="2" t="s">
        <v>34</v>
      </c>
      <c r="Q194" s="2" t="s">
        <v>34</v>
      </c>
      <c r="R194" s="2" t="s">
        <v>35</v>
      </c>
      <c r="S194" s="2" t="s">
        <v>406</v>
      </c>
      <c r="T194" s="2" t="s">
        <v>34</v>
      </c>
      <c r="U194" s="2" t="s">
        <v>34</v>
      </c>
      <c r="V194" s="2" t="s">
        <v>34</v>
      </c>
    </row>
    <row r="195" spans="1:22" x14ac:dyDescent="0.25">
      <c r="A195" s="2" t="s">
        <v>21</v>
      </c>
      <c r="B195" s="3" t="s">
        <v>528</v>
      </c>
      <c r="C195" s="2" t="s">
        <v>529</v>
      </c>
      <c r="D195" s="4" t="s">
        <v>1929</v>
      </c>
      <c r="E195" s="2" t="s">
        <v>197</v>
      </c>
      <c r="F195" s="2" t="s">
        <v>630</v>
      </c>
      <c r="G195" s="8" t="s">
        <v>516</v>
      </c>
      <c r="H195" s="8" t="s">
        <v>27</v>
      </c>
      <c r="I195" s="2" t="s">
        <v>830</v>
      </c>
      <c r="J195" s="2" t="s">
        <v>34</v>
      </c>
      <c r="K195" s="2" t="s">
        <v>29</v>
      </c>
      <c r="L195" s="2" t="s">
        <v>30</v>
      </c>
      <c r="M195" s="2" t="s">
        <v>31</v>
      </c>
      <c r="N195" s="2" t="s">
        <v>183</v>
      </c>
      <c r="O195" s="2" t="s">
        <v>33</v>
      </c>
      <c r="P195" s="2" t="s">
        <v>34</v>
      </c>
      <c r="Q195" s="2" t="s">
        <v>34</v>
      </c>
      <c r="R195" s="2" t="s">
        <v>35</v>
      </c>
      <c r="S195" s="2" t="s">
        <v>631</v>
      </c>
      <c r="T195" s="2" t="s">
        <v>34</v>
      </c>
      <c r="U195" s="2" t="s">
        <v>34</v>
      </c>
      <c r="V195" s="2" t="s">
        <v>34</v>
      </c>
    </row>
    <row r="196" spans="1:22" x14ac:dyDescent="0.25">
      <c r="A196" s="2" t="s">
        <v>21</v>
      </c>
      <c r="B196" s="3" t="s">
        <v>528</v>
      </c>
      <c r="C196" s="2" t="s">
        <v>529</v>
      </c>
      <c r="D196" s="4" t="s">
        <v>1930</v>
      </c>
      <c r="E196" s="2" t="s">
        <v>99</v>
      </c>
      <c r="F196" s="2" t="s">
        <v>1931</v>
      </c>
      <c r="G196" s="8" t="s">
        <v>511</v>
      </c>
      <c r="H196" s="8" t="s">
        <v>27</v>
      </c>
      <c r="I196" s="2" t="s">
        <v>34</v>
      </c>
      <c r="J196" s="2" t="s">
        <v>1932</v>
      </c>
      <c r="K196" s="2" t="s">
        <v>29</v>
      </c>
      <c r="L196" s="2" t="s">
        <v>30</v>
      </c>
      <c r="M196" s="2" t="s">
        <v>31</v>
      </c>
      <c r="N196" s="2" t="s">
        <v>183</v>
      </c>
      <c r="O196" s="2" t="s">
        <v>33</v>
      </c>
      <c r="P196" s="2" t="s">
        <v>34</v>
      </c>
      <c r="Q196" s="2" t="s">
        <v>34</v>
      </c>
      <c r="R196" s="2" t="s">
        <v>35</v>
      </c>
      <c r="S196" s="2" t="s">
        <v>632</v>
      </c>
      <c r="T196" s="2" t="s">
        <v>34</v>
      </c>
      <c r="U196" s="2" t="s">
        <v>34</v>
      </c>
      <c r="V196" s="2" t="s">
        <v>34</v>
      </c>
    </row>
    <row r="197" spans="1:22" x14ac:dyDescent="0.25">
      <c r="A197" s="2" t="s">
        <v>21</v>
      </c>
      <c r="B197" s="3" t="s">
        <v>528</v>
      </c>
      <c r="C197" s="2" t="s">
        <v>529</v>
      </c>
      <c r="D197" s="4" t="s">
        <v>1933</v>
      </c>
      <c r="E197" s="2" t="s">
        <v>228</v>
      </c>
      <c r="F197" s="2" t="s">
        <v>633</v>
      </c>
      <c r="G197" s="8" t="s">
        <v>511</v>
      </c>
      <c r="H197" s="8" t="s">
        <v>27</v>
      </c>
      <c r="I197" s="2" t="s">
        <v>425</v>
      </c>
      <c r="J197" s="2" t="s">
        <v>634</v>
      </c>
      <c r="K197" s="2" t="s">
        <v>29</v>
      </c>
      <c r="L197" s="2" t="s">
        <v>34</v>
      </c>
      <c r="M197" s="2" t="s">
        <v>116</v>
      </c>
      <c r="N197" s="2" t="s">
        <v>104</v>
      </c>
      <c r="O197" s="2" t="s">
        <v>33</v>
      </c>
      <c r="P197" s="2" t="s">
        <v>34</v>
      </c>
      <c r="Q197" s="2" t="s">
        <v>34</v>
      </c>
      <c r="R197" s="2" t="s">
        <v>35</v>
      </c>
      <c r="S197" s="2" t="s">
        <v>635</v>
      </c>
      <c r="T197" s="2" t="s">
        <v>34</v>
      </c>
      <c r="U197" s="2" t="s">
        <v>34</v>
      </c>
      <c r="V197" s="2" t="s">
        <v>34</v>
      </c>
    </row>
    <row r="198" spans="1:22" x14ac:dyDescent="0.25">
      <c r="A198" s="2" t="s">
        <v>21</v>
      </c>
      <c r="B198" s="3" t="s">
        <v>528</v>
      </c>
      <c r="C198" s="2" t="s">
        <v>529</v>
      </c>
      <c r="D198" s="4" t="s">
        <v>1934</v>
      </c>
      <c r="E198" s="2" t="s">
        <v>223</v>
      </c>
      <c r="F198" s="2" t="s">
        <v>627</v>
      </c>
      <c r="G198" s="8" t="s">
        <v>44</v>
      </c>
      <c r="H198" s="8" t="s">
        <v>45</v>
      </c>
      <c r="I198" s="2" t="s">
        <v>34</v>
      </c>
      <c r="J198" s="2" t="s">
        <v>628</v>
      </c>
      <c r="K198" s="2" t="s">
        <v>29</v>
      </c>
      <c r="L198" s="2" t="s">
        <v>30</v>
      </c>
      <c r="M198" s="2" t="s">
        <v>31</v>
      </c>
      <c r="N198" s="2" t="s">
        <v>49</v>
      </c>
      <c r="O198" s="2" t="s">
        <v>33</v>
      </c>
      <c r="P198" s="2" t="s">
        <v>34</v>
      </c>
      <c r="Q198" s="2" t="s">
        <v>34</v>
      </c>
      <c r="R198" s="2" t="s">
        <v>35</v>
      </c>
      <c r="S198" s="2" t="s">
        <v>629</v>
      </c>
      <c r="T198" s="2" t="s">
        <v>34</v>
      </c>
      <c r="U198" s="2" t="s">
        <v>34</v>
      </c>
      <c r="V198" s="2"/>
    </row>
    <row r="199" spans="1:22" x14ac:dyDescent="0.25">
      <c r="A199" s="2" t="s">
        <v>21</v>
      </c>
      <c r="B199" s="3" t="s">
        <v>528</v>
      </c>
      <c r="C199" s="2" t="s">
        <v>529</v>
      </c>
      <c r="D199" s="4" t="s">
        <v>259</v>
      </c>
      <c r="E199" s="2" t="s">
        <v>215</v>
      </c>
      <c r="F199" s="2" t="s">
        <v>636</v>
      </c>
      <c r="G199" s="8" t="s">
        <v>637</v>
      </c>
      <c r="H199" s="8" t="s">
        <v>133</v>
      </c>
      <c r="I199" s="2" t="s">
        <v>34</v>
      </c>
      <c r="J199" s="2" t="s">
        <v>638</v>
      </c>
      <c r="K199" s="2" t="s">
        <v>29</v>
      </c>
      <c r="L199" s="2" t="s">
        <v>30</v>
      </c>
      <c r="M199" s="2" t="s">
        <v>31</v>
      </c>
      <c r="N199" s="2" t="s">
        <v>525</v>
      </c>
      <c r="O199" s="2" t="s">
        <v>189</v>
      </c>
      <c r="P199" s="2" t="s">
        <v>34</v>
      </c>
      <c r="Q199" s="2" t="s">
        <v>34</v>
      </c>
      <c r="R199" s="2" t="s">
        <v>35</v>
      </c>
      <c r="S199" s="2" t="s">
        <v>639</v>
      </c>
      <c r="T199" s="2" t="s">
        <v>34</v>
      </c>
      <c r="U199" s="2" t="s">
        <v>34</v>
      </c>
      <c r="V199" s="2"/>
    </row>
    <row r="200" spans="1:22" x14ac:dyDescent="0.25">
      <c r="A200" s="2" t="s">
        <v>21</v>
      </c>
      <c r="B200" s="3" t="s">
        <v>528</v>
      </c>
      <c r="C200" s="2" t="s">
        <v>529</v>
      </c>
      <c r="D200" s="4" t="s">
        <v>1935</v>
      </c>
      <c r="E200" s="2" t="s">
        <v>1874</v>
      </c>
      <c r="F200" s="2" t="s">
        <v>1936</v>
      </c>
      <c r="G200" s="8" t="s">
        <v>75</v>
      </c>
      <c r="H200" s="8" t="s">
        <v>27</v>
      </c>
      <c r="I200" s="2" t="s">
        <v>34</v>
      </c>
      <c r="J200" s="2" t="s">
        <v>34</v>
      </c>
      <c r="K200" s="2" t="s">
        <v>29</v>
      </c>
      <c r="L200" s="2" t="s">
        <v>30</v>
      </c>
      <c r="M200" s="2" t="s">
        <v>31</v>
      </c>
      <c r="N200" s="2" t="s">
        <v>183</v>
      </c>
      <c r="O200" s="2" t="s">
        <v>1702</v>
      </c>
      <c r="P200" s="2" t="s">
        <v>34</v>
      </c>
      <c r="Q200" s="2" t="s">
        <v>34</v>
      </c>
      <c r="R200" s="2" t="s">
        <v>35</v>
      </c>
      <c r="S200" s="2" t="s">
        <v>1937</v>
      </c>
      <c r="T200" s="2" t="s">
        <v>34</v>
      </c>
      <c r="U200" s="2" t="s">
        <v>34</v>
      </c>
      <c r="V200" s="2" t="s">
        <v>34</v>
      </c>
    </row>
    <row r="201" spans="1:22" x14ac:dyDescent="0.25">
      <c r="A201" s="2" t="s">
        <v>21</v>
      </c>
      <c r="B201" s="3" t="s">
        <v>528</v>
      </c>
      <c r="C201" s="2" t="s">
        <v>529</v>
      </c>
      <c r="D201" s="4" t="s">
        <v>1938</v>
      </c>
      <c r="E201" s="2" t="s">
        <v>245</v>
      </c>
      <c r="F201" s="2" t="s">
        <v>256</v>
      </c>
      <c r="G201" s="8" t="s">
        <v>86</v>
      </c>
      <c r="H201" s="8" t="s">
        <v>45</v>
      </c>
      <c r="I201" s="2" t="s">
        <v>247</v>
      </c>
      <c r="J201" s="2" t="s">
        <v>257</v>
      </c>
      <c r="K201" s="2" t="s">
        <v>29</v>
      </c>
      <c r="L201" s="2" t="s">
        <v>30</v>
      </c>
      <c r="M201" s="2" t="s">
        <v>116</v>
      </c>
      <c r="N201" s="2" t="s">
        <v>183</v>
      </c>
      <c r="O201" s="2" t="s">
        <v>249</v>
      </c>
      <c r="P201" s="2" t="s">
        <v>34</v>
      </c>
      <c r="Q201" s="2" t="s">
        <v>34</v>
      </c>
      <c r="R201" s="2" t="s">
        <v>35</v>
      </c>
      <c r="S201" s="2" t="s">
        <v>258</v>
      </c>
      <c r="T201" s="2" t="s">
        <v>34</v>
      </c>
      <c r="U201" s="2" t="s">
        <v>34</v>
      </c>
      <c r="V201" s="2" t="s">
        <v>34</v>
      </c>
    </row>
    <row r="202" spans="1:22" x14ac:dyDescent="0.25">
      <c r="A202" s="2" t="s">
        <v>21</v>
      </c>
      <c r="B202" s="3" t="s">
        <v>528</v>
      </c>
      <c r="C202" s="2" t="s">
        <v>529</v>
      </c>
      <c r="D202" s="4" t="s">
        <v>1939</v>
      </c>
      <c r="E202" s="2" t="s">
        <v>228</v>
      </c>
      <c r="F202" s="2" t="s">
        <v>553</v>
      </c>
      <c r="G202" s="8" t="s">
        <v>80</v>
      </c>
      <c r="H202" s="8" t="s">
        <v>27</v>
      </c>
      <c r="I202" s="2" t="s">
        <v>425</v>
      </c>
      <c r="J202" s="2" t="s">
        <v>554</v>
      </c>
      <c r="K202" s="2" t="s">
        <v>29</v>
      </c>
      <c r="L202" s="2" t="s">
        <v>34</v>
      </c>
      <c r="M202" s="2" t="s">
        <v>116</v>
      </c>
      <c r="N202" s="2" t="s">
        <v>104</v>
      </c>
      <c r="O202" s="2" t="s">
        <v>33</v>
      </c>
      <c r="P202" s="2" t="s">
        <v>34</v>
      </c>
      <c r="Q202" s="2" t="s">
        <v>34</v>
      </c>
      <c r="R202" s="2" t="s">
        <v>35</v>
      </c>
      <c r="S202" s="2" t="s">
        <v>555</v>
      </c>
      <c r="T202" s="2" t="s">
        <v>34</v>
      </c>
      <c r="U202" s="2" t="s">
        <v>34</v>
      </c>
      <c r="V202" s="2" t="s">
        <v>34</v>
      </c>
    </row>
    <row r="203" spans="1:22" x14ac:dyDescent="0.25">
      <c r="A203" s="2"/>
      <c r="B203" s="3"/>
      <c r="C203" s="2"/>
      <c r="D203" s="4"/>
      <c r="E203" s="5" t="s">
        <v>267</v>
      </c>
      <c r="F203" s="2"/>
      <c r="I203" s="2"/>
      <c r="J203" s="2"/>
      <c r="K203" s="2"/>
      <c r="L203" s="2"/>
      <c r="M203" s="2"/>
      <c r="N203" s="2"/>
      <c r="O203" s="2"/>
      <c r="P203" s="2"/>
      <c r="Q203" s="2"/>
      <c r="R203" s="2"/>
      <c r="S203" s="2"/>
      <c r="T203" s="2"/>
      <c r="U203" s="2"/>
      <c r="V203" s="2" t="s">
        <v>34</v>
      </c>
    </row>
    <row r="204" spans="1:22" x14ac:dyDescent="0.25">
      <c r="A204" s="2"/>
      <c r="B204" s="3"/>
      <c r="C204" s="2"/>
      <c r="D204" s="4"/>
      <c r="E204" s="5"/>
      <c r="F204" s="2"/>
      <c r="I204" s="2"/>
      <c r="J204" s="2"/>
      <c r="K204" s="2"/>
      <c r="L204" s="2"/>
      <c r="M204" s="2"/>
      <c r="N204" s="2"/>
      <c r="O204" s="2"/>
      <c r="P204" s="2"/>
      <c r="Q204" s="2"/>
      <c r="R204" s="2"/>
      <c r="S204" s="2"/>
      <c r="T204" s="2"/>
      <c r="U204" s="2"/>
      <c r="V204" s="2" t="s">
        <v>34</v>
      </c>
    </row>
    <row r="205" spans="1:22" x14ac:dyDescent="0.25">
      <c r="A205" s="2" t="s">
        <v>21</v>
      </c>
      <c r="B205" s="3" t="s">
        <v>640</v>
      </c>
      <c r="C205" s="2" t="s">
        <v>641</v>
      </c>
      <c r="D205" s="4" t="s">
        <v>24</v>
      </c>
      <c r="E205" s="2" t="s">
        <v>25</v>
      </c>
      <c r="F205" s="2" t="s">
        <v>642</v>
      </c>
      <c r="G205" s="8" t="s">
        <v>483</v>
      </c>
      <c r="H205" s="8" t="s">
        <v>27</v>
      </c>
      <c r="I205" s="2" t="s">
        <v>401</v>
      </c>
      <c r="J205" s="2" t="s">
        <v>643</v>
      </c>
      <c r="K205" s="2" t="s">
        <v>29</v>
      </c>
      <c r="L205" s="2" t="s">
        <v>30</v>
      </c>
      <c r="M205" s="2" t="s">
        <v>31</v>
      </c>
      <c r="N205" s="2" t="s">
        <v>32</v>
      </c>
      <c r="O205" s="2" t="s">
        <v>33</v>
      </c>
      <c r="P205" s="2" t="s">
        <v>34</v>
      </c>
      <c r="Q205" s="2" t="s">
        <v>34</v>
      </c>
      <c r="R205" s="2" t="s">
        <v>35</v>
      </c>
      <c r="S205" s="2" t="s">
        <v>644</v>
      </c>
      <c r="T205" s="2" t="s">
        <v>34</v>
      </c>
      <c r="U205" s="2" t="s">
        <v>34</v>
      </c>
      <c r="V205" s="2" t="s">
        <v>34</v>
      </c>
    </row>
    <row r="206" spans="1:22" x14ac:dyDescent="0.25">
      <c r="A206" s="2" t="s">
        <v>21</v>
      </c>
      <c r="B206" s="3" t="s">
        <v>640</v>
      </c>
      <c r="C206" s="2" t="s">
        <v>641</v>
      </c>
      <c r="D206" s="4" t="s">
        <v>1940</v>
      </c>
      <c r="E206" s="2" t="s">
        <v>25</v>
      </c>
      <c r="F206" s="2" t="s">
        <v>645</v>
      </c>
      <c r="G206" s="8" t="s">
        <v>331</v>
      </c>
      <c r="H206" s="8" t="s">
        <v>27</v>
      </c>
      <c r="I206" s="2" t="s">
        <v>275</v>
      </c>
      <c r="J206" s="2" t="s">
        <v>646</v>
      </c>
      <c r="K206" s="2" t="s">
        <v>29</v>
      </c>
      <c r="L206" s="2" t="s">
        <v>30</v>
      </c>
      <c r="M206" s="2" t="s">
        <v>31</v>
      </c>
      <c r="N206" s="2" t="s">
        <v>32</v>
      </c>
      <c r="O206" s="2" t="s">
        <v>33</v>
      </c>
      <c r="P206" s="2" t="s">
        <v>34</v>
      </c>
      <c r="Q206" s="2" t="s">
        <v>34</v>
      </c>
      <c r="R206" s="2" t="s">
        <v>35</v>
      </c>
      <c r="S206" s="2" t="s">
        <v>647</v>
      </c>
      <c r="T206" s="2" t="s">
        <v>34</v>
      </c>
      <c r="U206" s="2" t="s">
        <v>34</v>
      </c>
      <c r="V206" s="2" t="s">
        <v>34</v>
      </c>
    </row>
    <row r="207" spans="1:22" x14ac:dyDescent="0.25">
      <c r="A207" s="2" t="s">
        <v>21</v>
      </c>
      <c r="B207" s="3" t="s">
        <v>640</v>
      </c>
      <c r="C207" s="2" t="s">
        <v>641</v>
      </c>
      <c r="D207" s="4" t="s">
        <v>1941</v>
      </c>
      <c r="E207" s="2" t="s">
        <v>42</v>
      </c>
      <c r="F207" s="2" t="s">
        <v>460</v>
      </c>
      <c r="G207" s="8" t="s">
        <v>424</v>
      </c>
      <c r="H207" s="8" t="s">
        <v>45</v>
      </c>
      <c r="I207" s="2" t="s">
        <v>46</v>
      </c>
      <c r="J207" s="2" t="s">
        <v>461</v>
      </c>
      <c r="K207" s="2" t="s">
        <v>29</v>
      </c>
      <c r="L207" s="2" t="s">
        <v>30</v>
      </c>
      <c r="M207" s="2" t="s">
        <v>48</v>
      </c>
      <c r="N207" s="2" t="s">
        <v>49</v>
      </c>
      <c r="O207" s="2" t="s">
        <v>50</v>
      </c>
      <c r="P207" s="2" t="s">
        <v>34</v>
      </c>
      <c r="Q207" s="2" t="s">
        <v>34</v>
      </c>
      <c r="R207" s="2" t="s">
        <v>35</v>
      </c>
      <c r="S207" s="2" t="s">
        <v>462</v>
      </c>
      <c r="T207" s="2" t="s">
        <v>34</v>
      </c>
      <c r="U207" s="2" t="s">
        <v>34</v>
      </c>
      <c r="V207" s="2" t="s">
        <v>34</v>
      </c>
    </row>
    <row r="208" spans="1:22" x14ac:dyDescent="0.25">
      <c r="A208" s="2" t="s">
        <v>21</v>
      </c>
      <c r="B208" s="3" t="s">
        <v>640</v>
      </c>
      <c r="C208" s="2" t="s">
        <v>641</v>
      </c>
      <c r="D208" s="4" t="s">
        <v>1942</v>
      </c>
      <c r="E208" s="2" t="s">
        <v>42</v>
      </c>
      <c r="F208" s="2" t="s">
        <v>464</v>
      </c>
      <c r="G208" s="8" t="s">
        <v>429</v>
      </c>
      <c r="H208" s="8" t="s">
        <v>45</v>
      </c>
      <c r="I208" s="2" t="s">
        <v>46</v>
      </c>
      <c r="J208" s="2" t="s">
        <v>465</v>
      </c>
      <c r="K208" s="2" t="s">
        <v>29</v>
      </c>
      <c r="L208" s="2" t="s">
        <v>30</v>
      </c>
      <c r="M208" s="2" t="s">
        <v>48</v>
      </c>
      <c r="N208" s="2" t="s">
        <v>49</v>
      </c>
      <c r="O208" s="2" t="s">
        <v>50</v>
      </c>
      <c r="P208" s="2" t="s">
        <v>34</v>
      </c>
      <c r="Q208" s="2" t="s">
        <v>34</v>
      </c>
      <c r="R208" s="2" t="s">
        <v>35</v>
      </c>
      <c r="S208" s="2" t="s">
        <v>466</v>
      </c>
      <c r="T208" s="2" t="s">
        <v>34</v>
      </c>
      <c r="U208" s="2" t="s">
        <v>34</v>
      </c>
      <c r="V208" s="2" t="s">
        <v>34</v>
      </c>
    </row>
    <row r="209" spans="1:22" x14ac:dyDescent="0.25">
      <c r="A209" s="2" t="s">
        <v>21</v>
      </c>
      <c r="B209" s="3" t="s">
        <v>640</v>
      </c>
      <c r="C209" s="2" t="s">
        <v>641</v>
      </c>
      <c r="D209" s="4" t="s">
        <v>1943</v>
      </c>
      <c r="E209" s="2" t="s">
        <v>42</v>
      </c>
      <c r="F209" s="2" t="s">
        <v>468</v>
      </c>
      <c r="G209" s="8" t="s">
        <v>400</v>
      </c>
      <c r="H209" s="8" t="s">
        <v>45</v>
      </c>
      <c r="I209" s="2" t="s">
        <v>46</v>
      </c>
      <c r="J209" s="2" t="s">
        <v>469</v>
      </c>
      <c r="K209" s="2" t="s">
        <v>29</v>
      </c>
      <c r="L209" s="2" t="s">
        <v>30</v>
      </c>
      <c r="M209" s="2" t="s">
        <v>48</v>
      </c>
      <c r="N209" s="2" t="s">
        <v>49</v>
      </c>
      <c r="O209" s="2" t="s">
        <v>50</v>
      </c>
      <c r="P209" s="2" t="s">
        <v>34</v>
      </c>
      <c r="Q209" s="2" t="s">
        <v>34</v>
      </c>
      <c r="R209" s="2" t="s">
        <v>35</v>
      </c>
      <c r="S209" s="2" t="s">
        <v>470</v>
      </c>
      <c r="T209" s="2" t="s">
        <v>34</v>
      </c>
      <c r="U209" s="2" t="s">
        <v>34</v>
      </c>
      <c r="V209" s="2" t="s">
        <v>34</v>
      </c>
    </row>
    <row r="210" spans="1:22" x14ac:dyDescent="0.25">
      <c r="A210" s="2" t="s">
        <v>21</v>
      </c>
      <c r="B210" s="3" t="s">
        <v>640</v>
      </c>
      <c r="C210" s="2" t="s">
        <v>641</v>
      </c>
      <c r="D210" s="4" t="s">
        <v>1944</v>
      </c>
      <c r="E210" s="2" t="s">
        <v>42</v>
      </c>
      <c r="F210" s="2" t="s">
        <v>471</v>
      </c>
      <c r="G210" s="8" t="s">
        <v>283</v>
      </c>
      <c r="H210" s="8" t="s">
        <v>45</v>
      </c>
      <c r="I210" s="2" t="s">
        <v>46</v>
      </c>
      <c r="J210" s="2" t="s">
        <v>472</v>
      </c>
      <c r="K210" s="2" t="s">
        <v>29</v>
      </c>
      <c r="L210" s="2" t="s">
        <v>30</v>
      </c>
      <c r="M210" s="2" t="s">
        <v>48</v>
      </c>
      <c r="N210" s="2" t="s">
        <v>49</v>
      </c>
      <c r="O210" s="2" t="s">
        <v>50</v>
      </c>
      <c r="P210" s="2" t="s">
        <v>34</v>
      </c>
      <c r="Q210" s="2" t="s">
        <v>34</v>
      </c>
      <c r="R210" s="2" t="s">
        <v>35</v>
      </c>
      <c r="S210" s="2" t="s">
        <v>473</v>
      </c>
      <c r="T210" s="2" t="s">
        <v>34</v>
      </c>
      <c r="U210" s="2" t="s">
        <v>34</v>
      </c>
      <c r="V210" s="2" t="s">
        <v>34</v>
      </c>
    </row>
    <row r="211" spans="1:22" x14ac:dyDescent="0.25">
      <c r="A211" s="2" t="s">
        <v>21</v>
      </c>
      <c r="B211" s="3" t="s">
        <v>640</v>
      </c>
      <c r="C211" s="2" t="s">
        <v>641</v>
      </c>
      <c r="D211" s="4" t="s">
        <v>1945</v>
      </c>
      <c r="E211" s="2" t="s">
        <v>42</v>
      </c>
      <c r="F211" s="2" t="s">
        <v>475</v>
      </c>
      <c r="G211" s="8" t="s">
        <v>80</v>
      </c>
      <c r="H211" s="8" t="s">
        <v>45</v>
      </c>
      <c r="I211" s="2" t="s">
        <v>46</v>
      </c>
      <c r="J211" s="2" t="s">
        <v>476</v>
      </c>
      <c r="K211" s="2" t="s">
        <v>29</v>
      </c>
      <c r="L211" s="2" t="s">
        <v>30</v>
      </c>
      <c r="M211" s="2" t="s">
        <v>48</v>
      </c>
      <c r="N211" s="2" t="s">
        <v>49</v>
      </c>
      <c r="O211" s="2" t="s">
        <v>50</v>
      </c>
      <c r="P211" s="2" t="s">
        <v>34</v>
      </c>
      <c r="Q211" s="2" t="s">
        <v>34</v>
      </c>
      <c r="R211" s="2" t="s">
        <v>35</v>
      </c>
      <c r="S211" s="2" t="s">
        <v>477</v>
      </c>
      <c r="T211" s="2" t="s">
        <v>34</v>
      </c>
      <c r="U211" s="2" t="s">
        <v>34</v>
      </c>
      <c r="V211" s="2" t="s">
        <v>34</v>
      </c>
    </row>
    <row r="212" spans="1:22" x14ac:dyDescent="0.25">
      <c r="A212" s="2" t="s">
        <v>21</v>
      </c>
      <c r="B212" s="3" t="s">
        <v>640</v>
      </c>
      <c r="C212" s="2" t="s">
        <v>641</v>
      </c>
      <c r="D212" s="4" t="s">
        <v>1946</v>
      </c>
      <c r="E212" s="2" t="s">
        <v>42</v>
      </c>
      <c r="F212" s="2" t="s">
        <v>479</v>
      </c>
      <c r="G212" s="8" t="s">
        <v>480</v>
      </c>
      <c r="H212" s="8" t="s">
        <v>45</v>
      </c>
      <c r="I212" s="2" t="s">
        <v>55</v>
      </c>
      <c r="J212" s="2" t="s">
        <v>481</v>
      </c>
      <c r="K212" s="2" t="s">
        <v>29</v>
      </c>
      <c r="L212" s="2" t="s">
        <v>30</v>
      </c>
      <c r="M212" s="2" t="s">
        <v>48</v>
      </c>
      <c r="N212" s="2" t="s">
        <v>49</v>
      </c>
      <c r="O212" s="2" t="s">
        <v>50</v>
      </c>
      <c r="P212" s="2" t="s">
        <v>34</v>
      </c>
      <c r="Q212" s="2" t="s">
        <v>34</v>
      </c>
      <c r="R212" s="2" t="s">
        <v>35</v>
      </c>
      <c r="S212" s="2" t="s">
        <v>482</v>
      </c>
      <c r="T212" s="2" t="s">
        <v>34</v>
      </c>
      <c r="U212" s="2" t="s">
        <v>34</v>
      </c>
      <c r="V212" s="2" t="s">
        <v>34</v>
      </c>
    </row>
    <row r="213" spans="1:22" x14ac:dyDescent="0.25">
      <c r="A213" s="2" t="s">
        <v>21</v>
      </c>
      <c r="B213" s="3" t="s">
        <v>640</v>
      </c>
      <c r="C213" s="2" t="s">
        <v>641</v>
      </c>
      <c r="D213" s="4" t="s">
        <v>1947</v>
      </c>
      <c r="E213" s="2" t="s">
        <v>25</v>
      </c>
      <c r="F213" s="2" t="s">
        <v>648</v>
      </c>
      <c r="G213" s="8" t="s">
        <v>424</v>
      </c>
      <c r="H213" s="8" t="s">
        <v>27</v>
      </c>
      <c r="I213" s="2" t="s">
        <v>28</v>
      </c>
      <c r="J213" s="2" t="s">
        <v>649</v>
      </c>
      <c r="K213" s="2" t="s">
        <v>29</v>
      </c>
      <c r="L213" s="2" t="s">
        <v>30</v>
      </c>
      <c r="M213" s="2" t="s">
        <v>31</v>
      </c>
      <c r="N213" s="2" t="s">
        <v>32</v>
      </c>
      <c r="O213" s="2" t="s">
        <v>189</v>
      </c>
      <c r="P213" s="2" t="s">
        <v>34</v>
      </c>
      <c r="Q213" s="2" t="s">
        <v>34</v>
      </c>
      <c r="R213" s="2" t="s">
        <v>35</v>
      </c>
      <c r="S213" s="2" t="s">
        <v>650</v>
      </c>
      <c r="T213" s="2" t="s">
        <v>34</v>
      </c>
      <c r="U213" s="2" t="s">
        <v>34</v>
      </c>
      <c r="V213" s="2" t="s">
        <v>34</v>
      </c>
    </row>
    <row r="214" spans="1:22" x14ac:dyDescent="0.25">
      <c r="A214" s="2" t="s">
        <v>21</v>
      </c>
      <c r="B214" s="3" t="s">
        <v>640</v>
      </c>
      <c r="C214" s="2" t="s">
        <v>641</v>
      </c>
      <c r="D214" s="4" t="s">
        <v>1948</v>
      </c>
      <c r="E214" s="2" t="s">
        <v>84</v>
      </c>
      <c r="F214" s="2" t="s">
        <v>651</v>
      </c>
      <c r="G214" s="8" t="s">
        <v>620</v>
      </c>
      <c r="H214" s="8" t="s">
        <v>86</v>
      </c>
      <c r="I214" s="2" t="s">
        <v>34</v>
      </c>
      <c r="J214" s="2" t="s">
        <v>652</v>
      </c>
      <c r="K214" s="2" t="s">
        <v>29</v>
      </c>
      <c r="L214" s="2" t="s">
        <v>30</v>
      </c>
      <c r="M214" s="2" t="s">
        <v>31</v>
      </c>
      <c r="N214" s="2" t="s">
        <v>49</v>
      </c>
      <c r="O214" s="2" t="s">
        <v>33</v>
      </c>
      <c r="P214" s="2" t="s">
        <v>34</v>
      </c>
      <c r="Q214" s="2" t="s">
        <v>34</v>
      </c>
      <c r="R214" s="2" t="s">
        <v>35</v>
      </c>
      <c r="S214" s="2" t="s">
        <v>653</v>
      </c>
      <c r="T214" s="2" t="s">
        <v>34</v>
      </c>
      <c r="U214" s="2" t="s">
        <v>34</v>
      </c>
      <c r="V214" s="2" t="s">
        <v>34</v>
      </c>
    </row>
    <row r="215" spans="1:22" x14ac:dyDescent="0.25">
      <c r="A215" s="2" t="s">
        <v>21</v>
      </c>
      <c r="B215" s="3" t="s">
        <v>640</v>
      </c>
      <c r="C215" s="2" t="s">
        <v>641</v>
      </c>
      <c r="D215" s="4" t="s">
        <v>1949</v>
      </c>
      <c r="E215" s="2" t="s">
        <v>1950</v>
      </c>
      <c r="F215" s="2" t="s">
        <v>34</v>
      </c>
      <c r="G215" s="8" t="s">
        <v>34</v>
      </c>
      <c r="H215" s="8" t="s">
        <v>34</v>
      </c>
      <c r="I215" s="2" t="s">
        <v>1832</v>
      </c>
      <c r="J215" s="2" t="s">
        <v>1951</v>
      </c>
      <c r="K215" s="2" t="s">
        <v>115</v>
      </c>
      <c r="L215" s="2" t="s">
        <v>30</v>
      </c>
      <c r="M215" s="2" t="s">
        <v>31</v>
      </c>
      <c r="N215" s="2" t="s">
        <v>206</v>
      </c>
      <c r="O215" s="2" t="s">
        <v>1310</v>
      </c>
      <c r="P215" s="2" t="s">
        <v>34</v>
      </c>
      <c r="Q215" s="2" t="s">
        <v>34</v>
      </c>
      <c r="R215" s="2" t="s">
        <v>35</v>
      </c>
      <c r="S215" s="2" t="s">
        <v>1952</v>
      </c>
      <c r="T215" s="2" t="s">
        <v>34</v>
      </c>
      <c r="U215" s="2" t="s">
        <v>34</v>
      </c>
      <c r="V215" s="2" t="s">
        <v>34</v>
      </c>
    </row>
    <row r="216" spans="1:22" x14ac:dyDescent="0.25">
      <c r="A216" s="2" t="s">
        <v>21</v>
      </c>
      <c r="B216" s="3" t="s">
        <v>640</v>
      </c>
      <c r="C216" s="2" t="s">
        <v>641</v>
      </c>
      <c r="D216" s="4" t="s">
        <v>1953</v>
      </c>
      <c r="E216" s="2" t="s">
        <v>99</v>
      </c>
      <c r="F216" s="2" t="s">
        <v>654</v>
      </c>
      <c r="G216" s="8" t="s">
        <v>162</v>
      </c>
      <c r="H216" s="8" t="s">
        <v>45</v>
      </c>
      <c r="I216" s="2" t="s">
        <v>413</v>
      </c>
      <c r="J216" s="2" t="s">
        <v>655</v>
      </c>
      <c r="K216" s="2" t="s">
        <v>29</v>
      </c>
      <c r="L216" s="2" t="s">
        <v>30</v>
      </c>
      <c r="M216" s="2" t="s">
        <v>31</v>
      </c>
      <c r="N216" s="2" t="s">
        <v>104</v>
      </c>
      <c r="O216" s="2" t="s">
        <v>33</v>
      </c>
      <c r="P216" s="2" t="s">
        <v>34</v>
      </c>
      <c r="Q216" s="2" t="s">
        <v>34</v>
      </c>
      <c r="R216" s="2" t="s">
        <v>35</v>
      </c>
      <c r="S216" s="2" t="s">
        <v>656</v>
      </c>
      <c r="T216" s="2" t="s">
        <v>34</v>
      </c>
      <c r="U216" s="2" t="s">
        <v>34</v>
      </c>
      <c r="V216" s="2" t="s">
        <v>34</v>
      </c>
    </row>
    <row r="217" spans="1:22" x14ac:dyDescent="0.25">
      <c r="A217" s="2" t="s">
        <v>21</v>
      </c>
      <c r="B217" s="3" t="s">
        <v>640</v>
      </c>
      <c r="C217" s="2" t="s">
        <v>641</v>
      </c>
      <c r="D217" s="4" t="s">
        <v>1954</v>
      </c>
      <c r="E217" s="2" t="s">
        <v>99</v>
      </c>
      <c r="F217" s="2" t="s">
        <v>657</v>
      </c>
      <c r="G217" s="8" t="s">
        <v>167</v>
      </c>
      <c r="H217" s="8" t="s">
        <v>45</v>
      </c>
      <c r="I217" s="2" t="s">
        <v>409</v>
      </c>
      <c r="J217" s="2" t="s">
        <v>658</v>
      </c>
      <c r="K217" s="2" t="s">
        <v>29</v>
      </c>
      <c r="L217" s="2" t="s">
        <v>30</v>
      </c>
      <c r="M217" s="2" t="s">
        <v>31</v>
      </c>
      <c r="N217" s="2" t="s">
        <v>104</v>
      </c>
      <c r="O217" s="2" t="s">
        <v>33</v>
      </c>
      <c r="P217" s="2" t="s">
        <v>34</v>
      </c>
      <c r="Q217" s="2" t="s">
        <v>34</v>
      </c>
      <c r="R217" s="2" t="s">
        <v>35</v>
      </c>
      <c r="S217" s="2" t="s">
        <v>659</v>
      </c>
      <c r="T217" s="2" t="s">
        <v>34</v>
      </c>
      <c r="U217" s="2" t="s">
        <v>34</v>
      </c>
      <c r="V217" s="2" t="s">
        <v>34</v>
      </c>
    </row>
    <row r="218" spans="1:22" x14ac:dyDescent="0.25">
      <c r="A218" s="2" t="s">
        <v>21</v>
      </c>
      <c r="B218" s="3" t="s">
        <v>640</v>
      </c>
      <c r="C218" s="2" t="s">
        <v>641</v>
      </c>
      <c r="D218" s="4" t="s">
        <v>1955</v>
      </c>
      <c r="E218" s="2" t="s">
        <v>99</v>
      </c>
      <c r="F218" s="2" t="s">
        <v>660</v>
      </c>
      <c r="G218" s="8" t="s">
        <v>172</v>
      </c>
      <c r="H218" s="8" t="s">
        <v>45</v>
      </c>
      <c r="I218" s="2" t="s">
        <v>34</v>
      </c>
      <c r="J218" s="2" t="s">
        <v>661</v>
      </c>
      <c r="K218" s="2" t="s">
        <v>29</v>
      </c>
      <c r="L218" s="2" t="s">
        <v>30</v>
      </c>
      <c r="M218" s="2" t="s">
        <v>31</v>
      </c>
      <c r="N218" s="2" t="s">
        <v>104</v>
      </c>
      <c r="O218" s="2" t="s">
        <v>33</v>
      </c>
      <c r="P218" s="2" t="s">
        <v>34</v>
      </c>
      <c r="Q218" s="2" t="s">
        <v>34</v>
      </c>
      <c r="R218" s="2" t="s">
        <v>35</v>
      </c>
      <c r="S218" s="2" t="s">
        <v>662</v>
      </c>
      <c r="T218" s="2" t="s">
        <v>34</v>
      </c>
      <c r="U218" s="2" t="s">
        <v>34</v>
      </c>
      <c r="V218" s="2" t="s">
        <v>34</v>
      </c>
    </row>
    <row r="219" spans="1:22" x14ac:dyDescent="0.25">
      <c r="A219" s="2" t="s">
        <v>21</v>
      </c>
      <c r="B219" s="3" t="s">
        <v>640</v>
      </c>
      <c r="C219" s="2" t="s">
        <v>641</v>
      </c>
      <c r="D219" s="4" t="s">
        <v>1956</v>
      </c>
      <c r="E219" s="2" t="s">
        <v>99</v>
      </c>
      <c r="F219" s="2" t="s">
        <v>663</v>
      </c>
      <c r="G219" s="8" t="s">
        <v>381</v>
      </c>
      <c r="H219" s="8" t="s">
        <v>45</v>
      </c>
      <c r="I219" s="2" t="s">
        <v>1957</v>
      </c>
      <c r="J219" s="2" t="s">
        <v>664</v>
      </c>
      <c r="K219" s="2" t="s">
        <v>29</v>
      </c>
      <c r="L219" s="2" t="s">
        <v>30</v>
      </c>
      <c r="M219" s="2" t="s">
        <v>31</v>
      </c>
      <c r="N219" s="2" t="s">
        <v>104</v>
      </c>
      <c r="O219" s="2" t="s">
        <v>33</v>
      </c>
      <c r="P219" s="2" t="s">
        <v>34</v>
      </c>
      <c r="Q219" s="2" t="s">
        <v>34</v>
      </c>
      <c r="R219" s="2" t="s">
        <v>35</v>
      </c>
      <c r="S219" s="2" t="s">
        <v>665</v>
      </c>
      <c r="T219" s="2" t="s">
        <v>34</v>
      </c>
      <c r="U219" s="2" t="s">
        <v>34</v>
      </c>
      <c r="V219" s="2" t="s">
        <v>34</v>
      </c>
    </row>
    <row r="220" spans="1:22" x14ac:dyDescent="0.25">
      <c r="A220" s="2" t="s">
        <v>21</v>
      </c>
      <c r="B220" s="3" t="s">
        <v>640</v>
      </c>
      <c r="C220" s="2" t="s">
        <v>641</v>
      </c>
      <c r="D220" s="4" t="s">
        <v>1958</v>
      </c>
      <c r="E220" s="2" t="s">
        <v>228</v>
      </c>
      <c r="F220" s="2" t="s">
        <v>666</v>
      </c>
      <c r="G220" s="8" t="s">
        <v>574</v>
      </c>
      <c r="H220" s="8" t="s">
        <v>27</v>
      </c>
      <c r="I220" s="2" t="s">
        <v>425</v>
      </c>
      <c r="J220" s="2" t="s">
        <v>667</v>
      </c>
      <c r="K220" s="2" t="s">
        <v>29</v>
      </c>
      <c r="L220" s="2" t="s">
        <v>30</v>
      </c>
      <c r="M220" s="2" t="s">
        <v>116</v>
      </c>
      <c r="N220" s="2" t="s">
        <v>104</v>
      </c>
      <c r="O220" s="2" t="s">
        <v>33</v>
      </c>
      <c r="P220" s="2" t="s">
        <v>34</v>
      </c>
      <c r="Q220" s="2" t="s">
        <v>34</v>
      </c>
      <c r="R220" s="2" t="s">
        <v>35</v>
      </c>
      <c r="S220" s="2" t="s">
        <v>668</v>
      </c>
      <c r="T220" s="2" t="s">
        <v>34</v>
      </c>
      <c r="U220" s="2" t="s">
        <v>34</v>
      </c>
      <c r="V220" s="2" t="s">
        <v>34</v>
      </c>
    </row>
    <row r="221" spans="1:22" x14ac:dyDescent="0.25">
      <c r="A221" s="2" t="s">
        <v>21</v>
      </c>
      <c r="B221" s="3" t="s">
        <v>640</v>
      </c>
      <c r="C221" s="2" t="s">
        <v>641</v>
      </c>
      <c r="D221" s="4" t="s">
        <v>1959</v>
      </c>
      <c r="E221" s="2" t="s">
        <v>228</v>
      </c>
      <c r="F221" s="2" t="s">
        <v>669</v>
      </c>
      <c r="G221" s="8" t="s">
        <v>540</v>
      </c>
      <c r="H221" s="8" t="s">
        <v>27</v>
      </c>
      <c r="I221" s="2" t="s">
        <v>425</v>
      </c>
      <c r="J221" s="2" t="s">
        <v>670</v>
      </c>
      <c r="K221" s="2" t="s">
        <v>29</v>
      </c>
      <c r="L221" s="2" t="s">
        <v>30</v>
      </c>
      <c r="M221" s="2" t="s">
        <v>116</v>
      </c>
      <c r="N221" s="2" t="s">
        <v>104</v>
      </c>
      <c r="O221" s="2" t="s">
        <v>33</v>
      </c>
      <c r="P221" s="2" t="s">
        <v>34</v>
      </c>
      <c r="Q221" s="2" t="s">
        <v>34</v>
      </c>
      <c r="R221" s="2" t="s">
        <v>35</v>
      </c>
      <c r="S221" s="2" t="s">
        <v>671</v>
      </c>
      <c r="T221" s="2" t="s">
        <v>34</v>
      </c>
      <c r="U221" s="2" t="s">
        <v>34</v>
      </c>
      <c r="V221" s="2" t="s">
        <v>34</v>
      </c>
    </row>
    <row r="222" spans="1:22" x14ac:dyDescent="0.25">
      <c r="A222" s="2" t="s">
        <v>21</v>
      </c>
      <c r="B222" s="3" t="s">
        <v>640</v>
      </c>
      <c r="C222" s="2" t="s">
        <v>641</v>
      </c>
      <c r="D222" s="4" t="s">
        <v>1960</v>
      </c>
      <c r="E222" s="2" t="s">
        <v>228</v>
      </c>
      <c r="F222" s="2" t="s">
        <v>672</v>
      </c>
      <c r="G222" s="8" t="s">
        <v>407</v>
      </c>
      <c r="H222" s="8" t="s">
        <v>27</v>
      </c>
      <c r="I222" s="2" t="s">
        <v>425</v>
      </c>
      <c r="J222" s="2" t="s">
        <v>673</v>
      </c>
      <c r="K222" s="2" t="s">
        <v>29</v>
      </c>
      <c r="L222" s="2" t="s">
        <v>34</v>
      </c>
      <c r="M222" s="2" t="s">
        <v>116</v>
      </c>
      <c r="N222" s="2" t="s">
        <v>104</v>
      </c>
      <c r="O222" s="2" t="s">
        <v>33</v>
      </c>
      <c r="P222" s="2" t="s">
        <v>34</v>
      </c>
      <c r="Q222" s="2" t="s">
        <v>34</v>
      </c>
      <c r="R222" s="2" t="s">
        <v>35</v>
      </c>
      <c r="S222" s="2" t="s">
        <v>674</v>
      </c>
      <c r="T222" s="2" t="s">
        <v>34</v>
      </c>
      <c r="U222" s="2" t="s">
        <v>34</v>
      </c>
      <c r="V222" s="2" t="s">
        <v>34</v>
      </c>
    </row>
    <row r="223" spans="1:22" x14ac:dyDescent="0.25">
      <c r="A223" s="2" t="s">
        <v>21</v>
      </c>
      <c r="B223" s="3" t="s">
        <v>640</v>
      </c>
      <c r="C223" s="2" t="s">
        <v>641</v>
      </c>
      <c r="D223" s="4" t="s">
        <v>1961</v>
      </c>
      <c r="E223" s="2" t="s">
        <v>228</v>
      </c>
      <c r="F223" s="2" t="s">
        <v>675</v>
      </c>
      <c r="G223" s="8" t="s">
        <v>584</v>
      </c>
      <c r="H223" s="8" t="s">
        <v>27</v>
      </c>
      <c r="I223" s="2" t="s">
        <v>425</v>
      </c>
      <c r="J223" s="2" t="s">
        <v>676</v>
      </c>
      <c r="K223" s="2" t="s">
        <v>29</v>
      </c>
      <c r="L223" s="2" t="s">
        <v>34</v>
      </c>
      <c r="M223" s="2" t="s">
        <v>116</v>
      </c>
      <c r="N223" s="2" t="s">
        <v>104</v>
      </c>
      <c r="O223" s="2" t="s">
        <v>33</v>
      </c>
      <c r="P223" s="2" t="s">
        <v>34</v>
      </c>
      <c r="Q223" s="2" t="s">
        <v>34</v>
      </c>
      <c r="R223" s="2" t="s">
        <v>35</v>
      </c>
      <c r="S223" s="2" t="s">
        <v>677</v>
      </c>
      <c r="T223" s="2" t="s">
        <v>34</v>
      </c>
      <c r="U223" s="2" t="s">
        <v>34</v>
      </c>
      <c r="V223" s="2" t="s">
        <v>34</v>
      </c>
    </row>
    <row r="224" spans="1:22" x14ac:dyDescent="0.25">
      <c r="A224" s="2" t="s">
        <v>21</v>
      </c>
      <c r="B224" s="3" t="s">
        <v>640</v>
      </c>
      <c r="C224" s="2" t="s">
        <v>641</v>
      </c>
      <c r="D224" s="4" t="s">
        <v>1962</v>
      </c>
      <c r="E224" s="2" t="s">
        <v>42</v>
      </c>
      <c r="F224" s="2" t="s">
        <v>678</v>
      </c>
      <c r="G224" s="8" t="s">
        <v>679</v>
      </c>
      <c r="H224" s="8" t="s">
        <v>45</v>
      </c>
      <c r="I224" s="2" t="s">
        <v>46</v>
      </c>
      <c r="J224" s="2" t="s">
        <v>680</v>
      </c>
      <c r="K224" s="2" t="s">
        <v>29</v>
      </c>
      <c r="L224" s="2" t="s">
        <v>30</v>
      </c>
      <c r="M224" s="2" t="s">
        <v>48</v>
      </c>
      <c r="N224" s="2" t="s">
        <v>49</v>
      </c>
      <c r="O224" s="2" t="s">
        <v>50</v>
      </c>
      <c r="P224" s="2" t="s">
        <v>34</v>
      </c>
      <c r="Q224" s="2" t="s">
        <v>34</v>
      </c>
      <c r="R224" s="2" t="s">
        <v>35</v>
      </c>
      <c r="S224" s="2" t="s">
        <v>681</v>
      </c>
      <c r="T224" s="2" t="s">
        <v>34</v>
      </c>
      <c r="U224" s="2" t="s">
        <v>34</v>
      </c>
      <c r="V224" s="2" t="s">
        <v>34</v>
      </c>
    </row>
    <row r="225" spans="1:22" x14ac:dyDescent="0.25">
      <c r="A225" s="2" t="s">
        <v>21</v>
      </c>
      <c r="B225" s="3" t="s">
        <v>640</v>
      </c>
      <c r="C225" s="2" t="s">
        <v>641</v>
      </c>
      <c r="D225" s="4" t="s">
        <v>1963</v>
      </c>
      <c r="E225" s="2" t="s">
        <v>42</v>
      </c>
      <c r="F225" s="2" t="s">
        <v>682</v>
      </c>
      <c r="G225" s="8" t="s">
        <v>683</v>
      </c>
      <c r="H225" s="8" t="s">
        <v>45</v>
      </c>
      <c r="I225" s="2" t="s">
        <v>55</v>
      </c>
      <c r="J225" s="2" t="s">
        <v>684</v>
      </c>
      <c r="K225" s="2" t="s">
        <v>29</v>
      </c>
      <c r="L225" s="2" t="s">
        <v>30</v>
      </c>
      <c r="M225" s="2" t="s">
        <v>48</v>
      </c>
      <c r="N225" s="2" t="s">
        <v>49</v>
      </c>
      <c r="O225" s="2" t="s">
        <v>50</v>
      </c>
      <c r="P225" s="2" t="s">
        <v>34</v>
      </c>
      <c r="Q225" s="2" t="s">
        <v>34</v>
      </c>
      <c r="R225" s="2" t="s">
        <v>35</v>
      </c>
      <c r="S225" s="2" t="s">
        <v>685</v>
      </c>
      <c r="T225" s="2" t="s">
        <v>34</v>
      </c>
      <c r="U225" s="2" t="s">
        <v>34</v>
      </c>
      <c r="V225" s="2" t="s">
        <v>34</v>
      </c>
    </row>
    <row r="226" spans="1:22" x14ac:dyDescent="0.25">
      <c r="A226" s="2" t="s">
        <v>21</v>
      </c>
      <c r="B226" s="3" t="s">
        <v>640</v>
      </c>
      <c r="C226" s="2" t="s">
        <v>641</v>
      </c>
      <c r="D226" s="4" t="s">
        <v>1964</v>
      </c>
      <c r="E226" s="2" t="s">
        <v>42</v>
      </c>
      <c r="F226" s="2" t="s">
        <v>686</v>
      </c>
      <c r="G226" s="8" t="s">
        <v>91</v>
      </c>
      <c r="H226" s="8" t="s">
        <v>45</v>
      </c>
      <c r="I226" s="2" t="s">
        <v>55</v>
      </c>
      <c r="J226" s="2" t="s">
        <v>34</v>
      </c>
      <c r="K226" s="2" t="s">
        <v>29</v>
      </c>
      <c r="L226" s="2" t="s">
        <v>30</v>
      </c>
      <c r="M226" s="2" t="s">
        <v>48</v>
      </c>
      <c r="N226" s="2" t="s">
        <v>49</v>
      </c>
      <c r="O226" s="2" t="s">
        <v>50</v>
      </c>
      <c r="P226" s="2" t="s">
        <v>34</v>
      </c>
      <c r="Q226" s="2" t="s">
        <v>34</v>
      </c>
      <c r="R226" s="2" t="s">
        <v>35</v>
      </c>
      <c r="S226" s="2" t="s">
        <v>687</v>
      </c>
      <c r="T226" s="2" t="s">
        <v>34</v>
      </c>
      <c r="U226" s="2" t="s">
        <v>34</v>
      </c>
      <c r="V226" s="2" t="s">
        <v>34</v>
      </c>
    </row>
    <row r="227" spans="1:22" x14ac:dyDescent="0.25">
      <c r="A227" s="2" t="s">
        <v>21</v>
      </c>
      <c r="B227" s="3" t="s">
        <v>640</v>
      </c>
      <c r="C227" s="2" t="s">
        <v>641</v>
      </c>
      <c r="D227" s="4" t="s">
        <v>1965</v>
      </c>
      <c r="E227" s="2" t="s">
        <v>42</v>
      </c>
      <c r="F227" s="2" t="s">
        <v>139</v>
      </c>
      <c r="G227" s="8" t="s">
        <v>108</v>
      </c>
      <c r="H227" s="8" t="s">
        <v>45</v>
      </c>
      <c r="I227" s="2" t="s">
        <v>46</v>
      </c>
      <c r="J227" s="2" t="s">
        <v>140</v>
      </c>
      <c r="K227" s="2" t="s">
        <v>29</v>
      </c>
      <c r="L227" s="2" t="s">
        <v>30</v>
      </c>
      <c r="M227" s="2" t="s">
        <v>48</v>
      </c>
      <c r="N227" s="2" t="s">
        <v>49</v>
      </c>
      <c r="O227" s="2" t="s">
        <v>50</v>
      </c>
      <c r="P227" s="2" t="s">
        <v>34</v>
      </c>
      <c r="Q227" s="2" t="s">
        <v>34</v>
      </c>
      <c r="R227" s="2" t="s">
        <v>35</v>
      </c>
      <c r="S227" s="2" t="s">
        <v>141</v>
      </c>
      <c r="T227" s="2" t="s">
        <v>34</v>
      </c>
      <c r="U227" s="2" t="s">
        <v>34</v>
      </c>
      <c r="V227" s="2" t="s">
        <v>34</v>
      </c>
    </row>
    <row r="228" spans="1:22" x14ac:dyDescent="0.25">
      <c r="A228" s="2" t="s">
        <v>21</v>
      </c>
      <c r="B228" s="3" t="s">
        <v>640</v>
      </c>
      <c r="C228" s="2" t="s">
        <v>641</v>
      </c>
      <c r="D228" s="4" t="s">
        <v>1966</v>
      </c>
      <c r="E228" s="2" t="s">
        <v>42</v>
      </c>
      <c r="F228" s="2" t="s">
        <v>43</v>
      </c>
      <c r="G228" s="8" t="s">
        <v>44</v>
      </c>
      <c r="H228" s="8" t="s">
        <v>45</v>
      </c>
      <c r="I228" s="2" t="s">
        <v>55</v>
      </c>
      <c r="J228" s="2" t="s">
        <v>47</v>
      </c>
      <c r="K228" s="2" t="s">
        <v>29</v>
      </c>
      <c r="L228" s="2" t="s">
        <v>30</v>
      </c>
      <c r="M228" s="2" t="s">
        <v>48</v>
      </c>
      <c r="N228" s="2" t="s">
        <v>49</v>
      </c>
      <c r="O228" s="2" t="s">
        <v>50</v>
      </c>
      <c r="P228" s="2" t="s">
        <v>34</v>
      </c>
      <c r="Q228" s="2" t="s">
        <v>34</v>
      </c>
      <c r="R228" s="2" t="s">
        <v>35</v>
      </c>
      <c r="S228" s="2" t="s">
        <v>51</v>
      </c>
      <c r="T228" s="2" t="s">
        <v>34</v>
      </c>
      <c r="U228" s="2" t="s">
        <v>34</v>
      </c>
      <c r="V228" s="2" t="s">
        <v>34</v>
      </c>
    </row>
    <row r="229" spans="1:22" x14ac:dyDescent="0.25">
      <c r="A229" s="2" t="s">
        <v>21</v>
      </c>
      <c r="B229" s="3" t="s">
        <v>640</v>
      </c>
      <c r="C229" s="2" t="s">
        <v>641</v>
      </c>
      <c r="D229" s="4" t="s">
        <v>1967</v>
      </c>
      <c r="E229" s="2" t="s">
        <v>42</v>
      </c>
      <c r="F229" s="2" t="s">
        <v>53</v>
      </c>
      <c r="G229" s="8" t="s">
        <v>54</v>
      </c>
      <c r="H229" s="8" t="s">
        <v>45</v>
      </c>
      <c r="I229" s="2" t="s">
        <v>55</v>
      </c>
      <c r="J229" s="2" t="s">
        <v>56</v>
      </c>
      <c r="K229" s="2" t="s">
        <v>29</v>
      </c>
      <c r="L229" s="2" t="s">
        <v>30</v>
      </c>
      <c r="M229" s="2" t="s">
        <v>48</v>
      </c>
      <c r="N229" s="2" t="s">
        <v>49</v>
      </c>
      <c r="O229" s="2" t="s">
        <v>50</v>
      </c>
      <c r="P229" s="2" t="s">
        <v>34</v>
      </c>
      <c r="Q229" s="2" t="s">
        <v>34</v>
      </c>
      <c r="R229" s="2" t="s">
        <v>35</v>
      </c>
      <c r="S229" s="2" t="s">
        <v>57</v>
      </c>
      <c r="T229" s="2" t="s">
        <v>34</v>
      </c>
      <c r="U229" s="2" t="s">
        <v>34</v>
      </c>
      <c r="V229" s="2" t="s">
        <v>34</v>
      </c>
    </row>
    <row r="230" spans="1:22" x14ac:dyDescent="0.25">
      <c r="A230" s="2" t="s">
        <v>21</v>
      </c>
      <c r="B230" s="3" t="s">
        <v>640</v>
      </c>
      <c r="C230" s="2" t="s">
        <v>641</v>
      </c>
      <c r="D230" s="4" t="s">
        <v>1968</v>
      </c>
      <c r="E230" s="2" t="s">
        <v>42</v>
      </c>
      <c r="F230" s="2" t="s">
        <v>59</v>
      </c>
      <c r="G230" s="8" t="s">
        <v>60</v>
      </c>
      <c r="H230" s="8" t="s">
        <v>45</v>
      </c>
      <c r="I230" s="2" t="s">
        <v>46</v>
      </c>
      <c r="J230" s="2" t="s">
        <v>61</v>
      </c>
      <c r="K230" s="2" t="s">
        <v>29</v>
      </c>
      <c r="L230" s="2" t="s">
        <v>30</v>
      </c>
      <c r="M230" s="2" t="s">
        <v>48</v>
      </c>
      <c r="N230" s="2" t="s">
        <v>49</v>
      </c>
      <c r="O230" s="2" t="s">
        <v>50</v>
      </c>
      <c r="P230" s="2" t="s">
        <v>34</v>
      </c>
      <c r="Q230" s="2" t="s">
        <v>34</v>
      </c>
      <c r="R230" s="2" t="s">
        <v>35</v>
      </c>
      <c r="S230" s="2" t="s">
        <v>62</v>
      </c>
      <c r="T230" s="2" t="s">
        <v>34</v>
      </c>
      <c r="U230" s="2" t="s">
        <v>34</v>
      </c>
      <c r="V230" s="2" t="s">
        <v>34</v>
      </c>
    </row>
    <row r="231" spans="1:22" x14ac:dyDescent="0.25">
      <c r="A231" s="2" t="s">
        <v>21</v>
      </c>
      <c r="B231" s="3" t="s">
        <v>640</v>
      </c>
      <c r="C231" s="2" t="s">
        <v>641</v>
      </c>
      <c r="D231" s="4" t="s">
        <v>1969</v>
      </c>
      <c r="E231" s="2" t="s">
        <v>42</v>
      </c>
      <c r="F231" s="2" t="s">
        <v>121</v>
      </c>
      <c r="G231" s="8" t="s">
        <v>45</v>
      </c>
      <c r="H231" s="8" t="s">
        <v>45</v>
      </c>
      <c r="I231" s="2" t="s">
        <v>55</v>
      </c>
      <c r="J231" s="2" t="s">
        <v>122</v>
      </c>
      <c r="K231" s="2" t="s">
        <v>29</v>
      </c>
      <c r="L231" s="2" t="s">
        <v>30</v>
      </c>
      <c r="M231" s="2" t="s">
        <v>48</v>
      </c>
      <c r="N231" s="2" t="s">
        <v>49</v>
      </c>
      <c r="O231" s="2" t="s">
        <v>50</v>
      </c>
      <c r="P231" s="2" t="s">
        <v>34</v>
      </c>
      <c r="Q231" s="2" t="s">
        <v>34</v>
      </c>
      <c r="R231" s="2" t="s">
        <v>35</v>
      </c>
      <c r="S231" s="2" t="s">
        <v>123</v>
      </c>
      <c r="T231" s="2" t="s">
        <v>34</v>
      </c>
      <c r="U231" s="2" t="s">
        <v>34</v>
      </c>
      <c r="V231" s="2" t="s">
        <v>34</v>
      </c>
    </row>
    <row r="232" spans="1:22" x14ac:dyDescent="0.25">
      <c r="A232" s="2" t="s">
        <v>21</v>
      </c>
      <c r="B232" s="3" t="s">
        <v>640</v>
      </c>
      <c r="C232" s="2" t="s">
        <v>641</v>
      </c>
      <c r="D232" s="4" t="s">
        <v>1970</v>
      </c>
      <c r="E232" s="2" t="s">
        <v>42</v>
      </c>
      <c r="F232" s="2" t="s">
        <v>64</v>
      </c>
      <c r="G232" s="8" t="s">
        <v>65</v>
      </c>
      <c r="H232" s="8" t="s">
        <v>45</v>
      </c>
      <c r="I232" s="2" t="s">
        <v>46</v>
      </c>
      <c r="J232" s="2" t="s">
        <v>66</v>
      </c>
      <c r="K232" s="2" t="s">
        <v>29</v>
      </c>
      <c r="L232" s="2" t="s">
        <v>30</v>
      </c>
      <c r="M232" s="2" t="s">
        <v>48</v>
      </c>
      <c r="N232" s="2" t="s">
        <v>49</v>
      </c>
      <c r="O232" s="2" t="s">
        <v>50</v>
      </c>
      <c r="P232" s="2" t="s">
        <v>34</v>
      </c>
      <c r="Q232" s="2" t="s">
        <v>34</v>
      </c>
      <c r="R232" s="2" t="s">
        <v>35</v>
      </c>
      <c r="S232" s="2" t="s">
        <v>67</v>
      </c>
      <c r="T232" s="2" t="s">
        <v>34</v>
      </c>
      <c r="U232" s="2" t="s">
        <v>34</v>
      </c>
      <c r="V232" s="2" t="s">
        <v>34</v>
      </c>
    </row>
    <row r="233" spans="1:22" x14ac:dyDescent="0.25">
      <c r="A233" s="2" t="s">
        <v>21</v>
      </c>
      <c r="B233" s="3" t="s">
        <v>640</v>
      </c>
      <c r="C233" s="2" t="s">
        <v>641</v>
      </c>
      <c r="D233" s="4" t="s">
        <v>1971</v>
      </c>
      <c r="E233" s="2" t="s">
        <v>42</v>
      </c>
      <c r="F233" s="2" t="s">
        <v>69</v>
      </c>
      <c r="G233" s="8" t="s">
        <v>70</v>
      </c>
      <c r="H233" s="8" t="s">
        <v>45</v>
      </c>
      <c r="I233" s="2" t="s">
        <v>46</v>
      </c>
      <c r="J233" s="2" t="s">
        <v>71</v>
      </c>
      <c r="K233" s="2" t="s">
        <v>29</v>
      </c>
      <c r="L233" s="2" t="s">
        <v>30</v>
      </c>
      <c r="M233" s="2" t="s">
        <v>48</v>
      </c>
      <c r="N233" s="2" t="s">
        <v>49</v>
      </c>
      <c r="O233" s="2" t="s">
        <v>50</v>
      </c>
      <c r="P233" s="2" t="s">
        <v>34</v>
      </c>
      <c r="Q233" s="2" t="s">
        <v>34</v>
      </c>
      <c r="R233" s="2" t="s">
        <v>35</v>
      </c>
      <c r="S233" s="2" t="s">
        <v>72</v>
      </c>
      <c r="T233" s="2" t="s">
        <v>34</v>
      </c>
      <c r="U233" s="2" t="s">
        <v>34</v>
      </c>
      <c r="V233" s="2" t="s">
        <v>34</v>
      </c>
    </row>
    <row r="234" spans="1:22" x14ac:dyDescent="0.25">
      <c r="A234" s="2" t="s">
        <v>21</v>
      </c>
      <c r="B234" s="3" t="s">
        <v>640</v>
      </c>
      <c r="C234" s="2" t="s">
        <v>641</v>
      </c>
      <c r="D234" s="4" t="s">
        <v>1972</v>
      </c>
      <c r="E234" s="2" t="s">
        <v>42</v>
      </c>
      <c r="F234" s="2" t="s">
        <v>74</v>
      </c>
      <c r="G234" s="8" t="s">
        <v>75</v>
      </c>
      <c r="H234" s="8" t="s">
        <v>45</v>
      </c>
      <c r="I234" s="2" t="s">
        <v>46</v>
      </c>
      <c r="J234" s="2" t="s">
        <v>76</v>
      </c>
      <c r="K234" s="2" t="s">
        <v>29</v>
      </c>
      <c r="L234" s="2" t="s">
        <v>30</v>
      </c>
      <c r="M234" s="2" t="s">
        <v>48</v>
      </c>
      <c r="N234" s="2" t="s">
        <v>49</v>
      </c>
      <c r="O234" s="2" t="s">
        <v>50</v>
      </c>
      <c r="P234" s="2" t="s">
        <v>34</v>
      </c>
      <c r="Q234" s="2" t="s">
        <v>34</v>
      </c>
      <c r="R234" s="2" t="s">
        <v>35</v>
      </c>
      <c r="S234" s="2" t="s">
        <v>77</v>
      </c>
      <c r="T234" s="2" t="s">
        <v>34</v>
      </c>
      <c r="U234" s="2" t="s">
        <v>34</v>
      </c>
      <c r="V234" s="2" t="s">
        <v>34</v>
      </c>
    </row>
    <row r="235" spans="1:22" x14ac:dyDescent="0.25">
      <c r="A235" s="2" t="s">
        <v>21</v>
      </c>
      <c r="B235" s="3" t="s">
        <v>640</v>
      </c>
      <c r="C235" s="2" t="s">
        <v>641</v>
      </c>
      <c r="D235" s="4" t="s">
        <v>1973</v>
      </c>
      <c r="E235" s="2" t="s">
        <v>42</v>
      </c>
      <c r="F235" s="2" t="s">
        <v>146</v>
      </c>
      <c r="G235" s="8" t="s">
        <v>147</v>
      </c>
      <c r="H235" s="8" t="s">
        <v>45</v>
      </c>
      <c r="I235" s="2" t="s">
        <v>46</v>
      </c>
      <c r="J235" s="2" t="s">
        <v>148</v>
      </c>
      <c r="K235" s="2" t="s">
        <v>29</v>
      </c>
      <c r="L235" s="2" t="s">
        <v>30</v>
      </c>
      <c r="M235" s="2" t="s">
        <v>48</v>
      </c>
      <c r="N235" s="2" t="s">
        <v>49</v>
      </c>
      <c r="O235" s="2" t="s">
        <v>50</v>
      </c>
      <c r="P235" s="2" t="s">
        <v>34</v>
      </c>
      <c r="Q235" s="2" t="s">
        <v>34</v>
      </c>
      <c r="R235" s="2" t="s">
        <v>35</v>
      </c>
      <c r="S235" s="2" t="s">
        <v>149</v>
      </c>
      <c r="T235" s="2" t="s">
        <v>34</v>
      </c>
      <c r="U235" s="2" t="s">
        <v>34</v>
      </c>
      <c r="V235" s="2" t="s">
        <v>34</v>
      </c>
    </row>
    <row r="236" spans="1:22" x14ac:dyDescent="0.25">
      <c r="A236" s="2" t="s">
        <v>21</v>
      </c>
      <c r="B236" s="3" t="s">
        <v>640</v>
      </c>
      <c r="C236" s="2" t="s">
        <v>641</v>
      </c>
      <c r="D236" s="4" t="s">
        <v>1974</v>
      </c>
      <c r="E236" s="2" t="s">
        <v>42</v>
      </c>
      <c r="F236" s="2" t="s">
        <v>278</v>
      </c>
      <c r="G236" s="8" t="s">
        <v>279</v>
      </c>
      <c r="H236" s="8" t="s">
        <v>45</v>
      </c>
      <c r="I236" s="2" t="s">
        <v>46</v>
      </c>
      <c r="J236" s="2" t="s">
        <v>280</v>
      </c>
      <c r="K236" s="2" t="s">
        <v>29</v>
      </c>
      <c r="L236" s="2" t="s">
        <v>30</v>
      </c>
      <c r="M236" s="2" t="s">
        <v>48</v>
      </c>
      <c r="N236" s="2" t="s">
        <v>49</v>
      </c>
      <c r="O236" s="2" t="s">
        <v>50</v>
      </c>
      <c r="P236" s="2" t="s">
        <v>34</v>
      </c>
      <c r="Q236" s="2" t="s">
        <v>34</v>
      </c>
      <c r="R236" s="2" t="s">
        <v>35</v>
      </c>
      <c r="S236" s="2" t="s">
        <v>281</v>
      </c>
      <c r="T236" s="2" t="s">
        <v>34</v>
      </c>
      <c r="U236" s="2" t="s">
        <v>34</v>
      </c>
      <c r="V236" s="2" t="s">
        <v>34</v>
      </c>
    </row>
    <row r="237" spans="1:22" x14ac:dyDescent="0.25">
      <c r="A237" s="2" t="s">
        <v>21</v>
      </c>
      <c r="B237" s="3" t="s">
        <v>640</v>
      </c>
      <c r="C237" s="2" t="s">
        <v>641</v>
      </c>
      <c r="D237" s="4" t="s">
        <v>1975</v>
      </c>
      <c r="E237" s="2" t="s">
        <v>42</v>
      </c>
      <c r="F237" s="2" t="s">
        <v>151</v>
      </c>
      <c r="G237" s="8" t="s">
        <v>152</v>
      </c>
      <c r="H237" s="8" t="s">
        <v>45</v>
      </c>
      <c r="I237" s="2" t="s">
        <v>46</v>
      </c>
      <c r="J237" s="2" t="s">
        <v>153</v>
      </c>
      <c r="K237" s="2" t="s">
        <v>29</v>
      </c>
      <c r="L237" s="2" t="s">
        <v>30</v>
      </c>
      <c r="M237" s="2" t="s">
        <v>48</v>
      </c>
      <c r="N237" s="2" t="s">
        <v>49</v>
      </c>
      <c r="O237" s="2" t="s">
        <v>50</v>
      </c>
      <c r="P237" s="2" t="s">
        <v>34</v>
      </c>
      <c r="Q237" s="2" t="s">
        <v>34</v>
      </c>
      <c r="R237" s="2" t="s">
        <v>35</v>
      </c>
      <c r="S237" s="2" t="s">
        <v>154</v>
      </c>
      <c r="T237" s="2" t="s">
        <v>34</v>
      </c>
      <c r="U237" s="2" t="s">
        <v>34</v>
      </c>
      <c r="V237" s="2" t="s">
        <v>34</v>
      </c>
    </row>
    <row r="238" spans="1:22" x14ac:dyDescent="0.25">
      <c r="A238" s="2" t="s">
        <v>21</v>
      </c>
      <c r="B238" s="3" t="s">
        <v>640</v>
      </c>
      <c r="C238" s="2" t="s">
        <v>641</v>
      </c>
      <c r="D238" s="4" t="s">
        <v>1976</v>
      </c>
      <c r="E238" s="2" t="s">
        <v>42</v>
      </c>
      <c r="F238" s="2" t="s">
        <v>156</v>
      </c>
      <c r="G238" s="8" t="s">
        <v>157</v>
      </c>
      <c r="H238" s="8" t="s">
        <v>45</v>
      </c>
      <c r="I238" s="2" t="s">
        <v>46</v>
      </c>
      <c r="J238" s="2" t="s">
        <v>158</v>
      </c>
      <c r="K238" s="2" t="s">
        <v>29</v>
      </c>
      <c r="L238" s="2" t="s">
        <v>30</v>
      </c>
      <c r="M238" s="2" t="s">
        <v>48</v>
      </c>
      <c r="N238" s="2" t="s">
        <v>49</v>
      </c>
      <c r="O238" s="2" t="s">
        <v>50</v>
      </c>
      <c r="P238" s="2" t="s">
        <v>34</v>
      </c>
      <c r="Q238" s="2" t="s">
        <v>34</v>
      </c>
      <c r="R238" s="2" t="s">
        <v>35</v>
      </c>
      <c r="S238" s="2" t="s">
        <v>159</v>
      </c>
      <c r="T238" s="2" t="s">
        <v>34</v>
      </c>
      <c r="U238" s="2" t="s">
        <v>34</v>
      </c>
      <c r="V238" s="2" t="s">
        <v>34</v>
      </c>
    </row>
    <row r="239" spans="1:22" x14ac:dyDescent="0.25">
      <c r="A239" s="2" t="s">
        <v>21</v>
      </c>
      <c r="B239" s="3" t="s">
        <v>640</v>
      </c>
      <c r="C239" s="2" t="s">
        <v>641</v>
      </c>
      <c r="D239" s="4" t="s">
        <v>1977</v>
      </c>
      <c r="E239" s="2" t="s">
        <v>84</v>
      </c>
      <c r="F239" s="2" t="s">
        <v>289</v>
      </c>
      <c r="G239" s="8" t="s">
        <v>290</v>
      </c>
      <c r="H239" s="8" t="s">
        <v>86</v>
      </c>
      <c r="I239" s="2" t="s">
        <v>34</v>
      </c>
      <c r="J239" s="2" t="s">
        <v>291</v>
      </c>
      <c r="K239" s="2" t="s">
        <v>29</v>
      </c>
      <c r="L239" s="2" t="s">
        <v>30</v>
      </c>
      <c r="M239" s="2" t="s">
        <v>31</v>
      </c>
      <c r="N239" s="2" t="s">
        <v>49</v>
      </c>
      <c r="O239" s="2" t="s">
        <v>33</v>
      </c>
      <c r="P239" s="2" t="s">
        <v>34</v>
      </c>
      <c r="Q239" s="2" t="s">
        <v>34</v>
      </c>
      <c r="R239" s="2" t="s">
        <v>35</v>
      </c>
      <c r="S239" s="2" t="s">
        <v>292</v>
      </c>
      <c r="T239" s="2" t="s">
        <v>34</v>
      </c>
      <c r="U239" s="2" t="s">
        <v>34</v>
      </c>
      <c r="V239" s="2" t="s">
        <v>34</v>
      </c>
    </row>
    <row r="240" spans="1:22" x14ac:dyDescent="0.25">
      <c r="A240" s="2" t="s">
        <v>21</v>
      </c>
      <c r="B240" s="3" t="s">
        <v>640</v>
      </c>
      <c r="C240" s="2" t="s">
        <v>641</v>
      </c>
      <c r="D240" s="4" t="s">
        <v>1978</v>
      </c>
      <c r="E240" s="2" t="s">
        <v>197</v>
      </c>
      <c r="F240" s="2" t="s">
        <v>688</v>
      </c>
      <c r="G240" s="8" t="s">
        <v>162</v>
      </c>
      <c r="H240" s="8" t="s">
        <v>45</v>
      </c>
      <c r="I240" s="2" t="s">
        <v>689</v>
      </c>
      <c r="J240" s="2" t="s">
        <v>690</v>
      </c>
      <c r="K240" s="2" t="s">
        <v>29</v>
      </c>
      <c r="L240" s="2" t="s">
        <v>30</v>
      </c>
      <c r="M240" s="2" t="s">
        <v>31</v>
      </c>
      <c r="N240" s="2" t="s">
        <v>104</v>
      </c>
      <c r="O240" s="2" t="s">
        <v>33</v>
      </c>
      <c r="P240" s="2" t="s">
        <v>34</v>
      </c>
      <c r="Q240" s="2" t="s">
        <v>34</v>
      </c>
      <c r="R240" s="2" t="s">
        <v>35</v>
      </c>
      <c r="S240" s="2" t="s">
        <v>691</v>
      </c>
      <c r="T240" s="2" t="s">
        <v>34</v>
      </c>
      <c r="U240" s="2" t="s">
        <v>34</v>
      </c>
      <c r="V240" s="2" t="s">
        <v>34</v>
      </c>
    </row>
    <row r="241" spans="1:22" x14ac:dyDescent="0.25">
      <c r="A241" s="2" t="s">
        <v>21</v>
      </c>
      <c r="B241" s="3" t="s">
        <v>640</v>
      </c>
      <c r="C241" s="2" t="s">
        <v>641</v>
      </c>
      <c r="D241" s="4" t="s">
        <v>1979</v>
      </c>
      <c r="E241" s="2" t="s">
        <v>99</v>
      </c>
      <c r="F241" s="2" t="s">
        <v>692</v>
      </c>
      <c r="G241" s="8" t="s">
        <v>407</v>
      </c>
      <c r="H241" s="8" t="s">
        <v>27</v>
      </c>
      <c r="I241" s="2" t="s">
        <v>34</v>
      </c>
      <c r="J241" s="2" t="s">
        <v>693</v>
      </c>
      <c r="K241" s="2" t="s">
        <v>29</v>
      </c>
      <c r="L241" s="2" t="s">
        <v>30</v>
      </c>
      <c r="M241" s="2" t="s">
        <v>31</v>
      </c>
      <c r="N241" s="2" t="s">
        <v>183</v>
      </c>
      <c r="O241" s="2" t="s">
        <v>33</v>
      </c>
      <c r="P241" s="2" t="s">
        <v>34</v>
      </c>
      <c r="Q241" s="2" t="s">
        <v>34</v>
      </c>
      <c r="R241" s="2" t="s">
        <v>35</v>
      </c>
      <c r="S241" s="2" t="s">
        <v>694</v>
      </c>
      <c r="T241" s="2" t="s">
        <v>34</v>
      </c>
      <c r="U241" s="2" t="s">
        <v>34</v>
      </c>
      <c r="V241" s="2" t="s">
        <v>34</v>
      </c>
    </row>
    <row r="242" spans="1:22" x14ac:dyDescent="0.25">
      <c r="A242" s="2" t="s">
        <v>21</v>
      </c>
      <c r="B242" s="3" t="s">
        <v>640</v>
      </c>
      <c r="C242" s="2" t="s">
        <v>641</v>
      </c>
      <c r="D242" s="4" t="s">
        <v>1980</v>
      </c>
      <c r="E242" s="2" t="s">
        <v>228</v>
      </c>
      <c r="F242" s="2" t="s">
        <v>695</v>
      </c>
      <c r="G242" s="8" t="s">
        <v>384</v>
      </c>
      <c r="H242" s="8" t="s">
        <v>45</v>
      </c>
      <c r="I242" s="2" t="s">
        <v>230</v>
      </c>
      <c r="J242" s="2" t="s">
        <v>696</v>
      </c>
      <c r="K242" s="2" t="s">
        <v>29</v>
      </c>
      <c r="L242" s="2" t="s">
        <v>231</v>
      </c>
      <c r="M242" s="2" t="s">
        <v>116</v>
      </c>
      <c r="N242" s="2" t="s">
        <v>220</v>
      </c>
      <c r="O242" s="2" t="s">
        <v>33</v>
      </c>
      <c r="P242" s="2" t="s">
        <v>34</v>
      </c>
      <c r="Q242" s="2" t="s">
        <v>34</v>
      </c>
      <c r="R242" s="2" t="s">
        <v>35</v>
      </c>
      <c r="S242" s="2" t="s">
        <v>697</v>
      </c>
      <c r="T242" s="2" t="s">
        <v>34</v>
      </c>
      <c r="U242" s="2" t="s">
        <v>34</v>
      </c>
      <c r="V242" s="2" t="s">
        <v>34</v>
      </c>
    </row>
    <row r="243" spans="1:22" x14ac:dyDescent="0.25">
      <c r="A243" s="2" t="s">
        <v>21</v>
      </c>
      <c r="B243" s="3" t="s">
        <v>640</v>
      </c>
      <c r="C243" s="2" t="s">
        <v>641</v>
      </c>
      <c r="D243" s="4" t="s">
        <v>1981</v>
      </c>
      <c r="E243" s="2" t="s">
        <v>209</v>
      </c>
      <c r="F243" s="2" t="s">
        <v>698</v>
      </c>
      <c r="G243" s="8" t="s">
        <v>699</v>
      </c>
      <c r="H243" s="8" t="s">
        <v>86</v>
      </c>
      <c r="I243" s="2" t="s">
        <v>34</v>
      </c>
      <c r="J243" s="2" t="s">
        <v>700</v>
      </c>
      <c r="K243" s="2" t="s">
        <v>29</v>
      </c>
      <c r="L243" s="2" t="s">
        <v>30</v>
      </c>
      <c r="M243" s="2" t="s">
        <v>31</v>
      </c>
      <c r="N243" s="2" t="s">
        <v>183</v>
      </c>
      <c r="O243" s="2" t="s">
        <v>189</v>
      </c>
      <c r="P243" s="2" t="s">
        <v>34</v>
      </c>
      <c r="Q243" s="2" t="s">
        <v>34</v>
      </c>
      <c r="R243" s="2" t="s">
        <v>35</v>
      </c>
      <c r="S243" s="2" t="s">
        <v>701</v>
      </c>
      <c r="T243" s="2" t="s">
        <v>34</v>
      </c>
      <c r="U243" s="2" t="s">
        <v>34</v>
      </c>
      <c r="V243" s="2" t="s">
        <v>34</v>
      </c>
    </row>
    <row r="244" spans="1:22" x14ac:dyDescent="0.25">
      <c r="A244" s="2" t="s">
        <v>21</v>
      </c>
      <c r="B244" s="3" t="s">
        <v>640</v>
      </c>
      <c r="C244" s="2" t="s">
        <v>641</v>
      </c>
      <c r="D244" s="4" t="s">
        <v>1982</v>
      </c>
      <c r="E244" s="2" t="s">
        <v>215</v>
      </c>
      <c r="F244" s="2" t="s">
        <v>702</v>
      </c>
      <c r="G244" s="8" t="s">
        <v>703</v>
      </c>
      <c r="H244" s="8" t="s">
        <v>86</v>
      </c>
      <c r="I244" s="2" t="s">
        <v>218</v>
      </c>
      <c r="J244" s="2" t="s">
        <v>704</v>
      </c>
      <c r="K244" s="2" t="s">
        <v>29</v>
      </c>
      <c r="L244" s="2" t="s">
        <v>30</v>
      </c>
      <c r="M244" s="2" t="s">
        <v>31</v>
      </c>
      <c r="N244" s="2" t="s">
        <v>220</v>
      </c>
      <c r="O244" s="2" t="s">
        <v>189</v>
      </c>
      <c r="P244" s="2" t="s">
        <v>34</v>
      </c>
      <c r="Q244" s="2" t="s">
        <v>34</v>
      </c>
      <c r="R244" s="2" t="s">
        <v>35</v>
      </c>
      <c r="S244" s="2" t="s">
        <v>705</v>
      </c>
      <c r="T244" s="2" t="s">
        <v>34</v>
      </c>
      <c r="U244" s="2" t="s">
        <v>34</v>
      </c>
      <c r="V244" s="2" t="s">
        <v>34</v>
      </c>
    </row>
    <row r="245" spans="1:22" x14ac:dyDescent="0.25">
      <c r="A245" s="2" t="s">
        <v>21</v>
      </c>
      <c r="B245" s="3" t="s">
        <v>640</v>
      </c>
      <c r="C245" s="2" t="s">
        <v>641</v>
      </c>
      <c r="D245" s="4" t="s">
        <v>1983</v>
      </c>
      <c r="E245" s="2" t="s">
        <v>223</v>
      </c>
      <c r="F245" s="2" t="s">
        <v>706</v>
      </c>
      <c r="G245" s="8" t="s">
        <v>101</v>
      </c>
      <c r="H245" s="8" t="s">
        <v>45</v>
      </c>
      <c r="I245" s="2" t="s">
        <v>34</v>
      </c>
      <c r="J245" s="2" t="s">
        <v>707</v>
      </c>
      <c r="K245" s="2" t="s">
        <v>29</v>
      </c>
      <c r="L245" s="2" t="s">
        <v>30</v>
      </c>
      <c r="M245" s="2" t="s">
        <v>31</v>
      </c>
      <c r="N245" s="2" t="s">
        <v>49</v>
      </c>
      <c r="O245" s="2" t="s">
        <v>33</v>
      </c>
      <c r="P245" s="2" t="s">
        <v>34</v>
      </c>
      <c r="Q245" s="2" t="s">
        <v>34</v>
      </c>
      <c r="R245" s="2" t="s">
        <v>35</v>
      </c>
      <c r="S245" s="2" t="s">
        <v>708</v>
      </c>
      <c r="T245" s="2" t="s">
        <v>34</v>
      </c>
      <c r="U245" s="2" t="s">
        <v>34</v>
      </c>
      <c r="V245" s="2" t="s">
        <v>34</v>
      </c>
    </row>
    <row r="246" spans="1:22" x14ac:dyDescent="0.25">
      <c r="A246" s="2" t="s">
        <v>21</v>
      </c>
      <c r="B246" s="3" t="s">
        <v>640</v>
      </c>
      <c r="C246" s="2" t="s">
        <v>641</v>
      </c>
      <c r="D246" s="4" t="s">
        <v>1984</v>
      </c>
      <c r="E246" s="2" t="s">
        <v>42</v>
      </c>
      <c r="F246" s="2" t="s">
        <v>161</v>
      </c>
      <c r="G246" s="8" t="s">
        <v>162</v>
      </c>
      <c r="H246" s="8" t="s">
        <v>45</v>
      </c>
      <c r="I246" s="2" t="s">
        <v>55</v>
      </c>
      <c r="J246" s="2" t="s">
        <v>163</v>
      </c>
      <c r="K246" s="2" t="s">
        <v>29</v>
      </c>
      <c r="L246" s="2" t="s">
        <v>30</v>
      </c>
      <c r="M246" s="2" t="s">
        <v>48</v>
      </c>
      <c r="N246" s="2" t="s">
        <v>49</v>
      </c>
      <c r="O246" s="2" t="s">
        <v>50</v>
      </c>
      <c r="P246" s="2" t="s">
        <v>34</v>
      </c>
      <c r="Q246" s="2" t="s">
        <v>34</v>
      </c>
      <c r="R246" s="2" t="s">
        <v>35</v>
      </c>
      <c r="S246" s="2" t="s">
        <v>164</v>
      </c>
      <c r="T246" s="2" t="s">
        <v>34</v>
      </c>
      <c r="U246" s="2" t="s">
        <v>34</v>
      </c>
      <c r="V246" s="2" t="s">
        <v>34</v>
      </c>
    </row>
    <row r="247" spans="1:22" x14ac:dyDescent="0.25">
      <c r="A247" s="2" t="s">
        <v>21</v>
      </c>
      <c r="B247" s="3" t="s">
        <v>640</v>
      </c>
      <c r="C247" s="2" t="s">
        <v>641</v>
      </c>
      <c r="D247" s="4" t="s">
        <v>1985</v>
      </c>
      <c r="E247" s="2" t="s">
        <v>42</v>
      </c>
      <c r="F247" s="2" t="s">
        <v>156</v>
      </c>
      <c r="G247" s="8" t="s">
        <v>157</v>
      </c>
      <c r="H247" s="8" t="s">
        <v>45</v>
      </c>
      <c r="I247" s="2" t="s">
        <v>46</v>
      </c>
      <c r="J247" s="2" t="s">
        <v>158</v>
      </c>
      <c r="K247" s="2" t="s">
        <v>29</v>
      </c>
      <c r="L247" s="2" t="s">
        <v>30</v>
      </c>
      <c r="M247" s="2" t="s">
        <v>48</v>
      </c>
      <c r="N247" s="2" t="s">
        <v>49</v>
      </c>
      <c r="O247" s="2" t="s">
        <v>50</v>
      </c>
      <c r="P247" s="2" t="s">
        <v>34</v>
      </c>
      <c r="Q247" s="2" t="s">
        <v>34</v>
      </c>
      <c r="R247" s="2" t="s">
        <v>35</v>
      </c>
      <c r="S247" s="2" t="s">
        <v>159</v>
      </c>
      <c r="T247" s="2" t="s">
        <v>34</v>
      </c>
      <c r="U247" s="2" t="s">
        <v>34</v>
      </c>
      <c r="V247" s="2" t="s">
        <v>34</v>
      </c>
    </row>
    <row r="248" spans="1:22" x14ac:dyDescent="0.25">
      <c r="A248" s="2" t="s">
        <v>21</v>
      </c>
      <c r="B248" s="3" t="s">
        <v>640</v>
      </c>
      <c r="C248" s="2" t="s">
        <v>641</v>
      </c>
      <c r="D248" s="4" t="s">
        <v>1986</v>
      </c>
      <c r="E248" s="2" t="s">
        <v>42</v>
      </c>
      <c r="F248" s="2" t="s">
        <v>151</v>
      </c>
      <c r="G248" s="8" t="s">
        <v>152</v>
      </c>
      <c r="H248" s="8" t="s">
        <v>45</v>
      </c>
      <c r="I248" s="2" t="s">
        <v>46</v>
      </c>
      <c r="J248" s="2" t="s">
        <v>153</v>
      </c>
      <c r="K248" s="2" t="s">
        <v>29</v>
      </c>
      <c r="L248" s="2" t="s">
        <v>30</v>
      </c>
      <c r="M248" s="2" t="s">
        <v>48</v>
      </c>
      <c r="N248" s="2" t="s">
        <v>49</v>
      </c>
      <c r="O248" s="2" t="s">
        <v>50</v>
      </c>
      <c r="P248" s="2" t="s">
        <v>34</v>
      </c>
      <c r="Q248" s="2" t="s">
        <v>34</v>
      </c>
      <c r="R248" s="2" t="s">
        <v>35</v>
      </c>
      <c r="S248" s="2" t="s">
        <v>154</v>
      </c>
      <c r="T248" s="2" t="s">
        <v>34</v>
      </c>
      <c r="U248" s="2" t="s">
        <v>34</v>
      </c>
      <c r="V248" s="2" t="s">
        <v>34</v>
      </c>
    </row>
    <row r="249" spans="1:22" x14ac:dyDescent="0.25">
      <c r="A249" s="2" t="s">
        <v>21</v>
      </c>
      <c r="B249" s="3" t="s">
        <v>640</v>
      </c>
      <c r="C249" s="2" t="s">
        <v>641</v>
      </c>
      <c r="D249" s="4" t="s">
        <v>1987</v>
      </c>
      <c r="E249" s="2" t="s">
        <v>84</v>
      </c>
      <c r="F249" s="2" t="s">
        <v>90</v>
      </c>
      <c r="G249" s="8" t="s">
        <v>91</v>
      </c>
      <c r="H249" s="8" t="s">
        <v>86</v>
      </c>
      <c r="I249" s="2" t="s">
        <v>34</v>
      </c>
      <c r="J249" s="2" t="s">
        <v>92</v>
      </c>
      <c r="K249" s="2" t="s">
        <v>29</v>
      </c>
      <c r="L249" s="2" t="s">
        <v>30</v>
      </c>
      <c r="M249" s="2" t="s">
        <v>31</v>
      </c>
      <c r="N249" s="2" t="s">
        <v>49</v>
      </c>
      <c r="O249" s="2" t="s">
        <v>33</v>
      </c>
      <c r="P249" s="2" t="s">
        <v>34</v>
      </c>
      <c r="Q249" s="2" t="s">
        <v>34</v>
      </c>
      <c r="R249" s="2" t="s">
        <v>35</v>
      </c>
      <c r="S249" s="2" t="s">
        <v>93</v>
      </c>
      <c r="T249" s="2" t="s">
        <v>34</v>
      </c>
      <c r="U249" s="2" t="s">
        <v>34</v>
      </c>
      <c r="V249" s="2" t="s">
        <v>34</v>
      </c>
    </row>
    <row r="250" spans="1:22" x14ac:dyDescent="0.25">
      <c r="A250" s="2" t="s">
        <v>21</v>
      </c>
      <c r="B250" s="3" t="s">
        <v>640</v>
      </c>
      <c r="C250" s="2" t="s">
        <v>641</v>
      </c>
      <c r="D250" s="4" t="s">
        <v>1988</v>
      </c>
      <c r="E250" s="2" t="s">
        <v>197</v>
      </c>
      <c r="F250" s="2" t="s">
        <v>709</v>
      </c>
      <c r="G250" s="8" t="s">
        <v>679</v>
      </c>
      <c r="H250" s="8" t="s">
        <v>27</v>
      </c>
      <c r="I250" s="2" t="s">
        <v>352</v>
      </c>
      <c r="J250" s="2" t="s">
        <v>710</v>
      </c>
      <c r="K250" s="2" t="s">
        <v>29</v>
      </c>
      <c r="L250" s="2" t="s">
        <v>30</v>
      </c>
      <c r="M250" s="2" t="s">
        <v>31</v>
      </c>
      <c r="N250" s="2" t="s">
        <v>183</v>
      </c>
      <c r="O250" s="2" t="s">
        <v>33</v>
      </c>
      <c r="P250" s="2" t="s">
        <v>34</v>
      </c>
      <c r="Q250" s="2" t="s">
        <v>34</v>
      </c>
      <c r="R250" s="2" t="s">
        <v>35</v>
      </c>
      <c r="S250" s="2" t="s">
        <v>711</v>
      </c>
      <c r="T250" s="2" t="s">
        <v>34</v>
      </c>
      <c r="U250" s="2" t="s">
        <v>34</v>
      </c>
      <c r="V250" s="2" t="s">
        <v>34</v>
      </c>
    </row>
    <row r="251" spans="1:22" x14ac:dyDescent="0.25">
      <c r="A251" s="2" t="s">
        <v>21</v>
      </c>
      <c r="B251" s="3" t="s">
        <v>640</v>
      </c>
      <c r="C251" s="2" t="s">
        <v>641</v>
      </c>
      <c r="D251" s="4" t="s">
        <v>1989</v>
      </c>
      <c r="E251" s="2" t="s">
        <v>99</v>
      </c>
      <c r="F251" s="2" t="s">
        <v>1990</v>
      </c>
      <c r="G251" s="8" t="s">
        <v>351</v>
      </c>
      <c r="H251" s="8" t="s">
        <v>27</v>
      </c>
      <c r="I251" s="2" t="s">
        <v>34</v>
      </c>
      <c r="J251" s="2" t="s">
        <v>1991</v>
      </c>
      <c r="K251" s="2" t="s">
        <v>29</v>
      </c>
      <c r="L251" s="2" t="s">
        <v>30</v>
      </c>
      <c r="M251" s="2" t="s">
        <v>31</v>
      </c>
      <c r="N251" s="2" t="s">
        <v>183</v>
      </c>
      <c r="O251" s="2" t="s">
        <v>33</v>
      </c>
      <c r="P251" s="2" t="s">
        <v>34</v>
      </c>
      <c r="Q251" s="2" t="s">
        <v>34</v>
      </c>
      <c r="R251" s="2" t="s">
        <v>35</v>
      </c>
      <c r="S251" s="2" t="s">
        <v>712</v>
      </c>
      <c r="T251" s="2" t="s">
        <v>34</v>
      </c>
      <c r="U251" s="2" t="s">
        <v>34</v>
      </c>
      <c r="V251" s="2"/>
    </row>
    <row r="252" spans="1:22" x14ac:dyDescent="0.25">
      <c r="A252" s="2" t="s">
        <v>21</v>
      </c>
      <c r="B252" s="3" t="s">
        <v>640</v>
      </c>
      <c r="C252" s="2" t="s">
        <v>641</v>
      </c>
      <c r="D252" s="4" t="s">
        <v>1992</v>
      </c>
      <c r="E252" s="2" t="s">
        <v>228</v>
      </c>
      <c r="F252" s="2" t="s">
        <v>713</v>
      </c>
      <c r="G252" s="8" t="s">
        <v>679</v>
      </c>
      <c r="H252" s="8" t="s">
        <v>27</v>
      </c>
      <c r="I252" s="2" t="s">
        <v>425</v>
      </c>
      <c r="J252" s="2" t="s">
        <v>714</v>
      </c>
      <c r="K252" s="2" t="s">
        <v>29</v>
      </c>
      <c r="L252" s="2" t="s">
        <v>34</v>
      </c>
      <c r="M252" s="2" t="s">
        <v>116</v>
      </c>
      <c r="N252" s="2" t="s">
        <v>104</v>
      </c>
      <c r="O252" s="2" t="s">
        <v>33</v>
      </c>
      <c r="P252" s="2" t="s">
        <v>34</v>
      </c>
      <c r="Q252" s="2" t="s">
        <v>34</v>
      </c>
      <c r="R252" s="2" t="s">
        <v>35</v>
      </c>
      <c r="S252" s="2" t="s">
        <v>715</v>
      </c>
      <c r="T252" s="2" t="s">
        <v>34</v>
      </c>
      <c r="U252" s="2" t="s">
        <v>34</v>
      </c>
      <c r="V252" s="2"/>
    </row>
    <row r="253" spans="1:22" x14ac:dyDescent="0.25">
      <c r="A253" s="2" t="s">
        <v>21</v>
      </c>
      <c r="B253" s="3" t="s">
        <v>640</v>
      </c>
      <c r="C253" s="2" t="s">
        <v>641</v>
      </c>
      <c r="D253" s="4" t="s">
        <v>1993</v>
      </c>
      <c r="E253" s="2" t="s">
        <v>223</v>
      </c>
      <c r="F253" s="2" t="s">
        <v>706</v>
      </c>
      <c r="G253" s="8" t="s">
        <v>101</v>
      </c>
      <c r="H253" s="8" t="s">
        <v>45</v>
      </c>
      <c r="I253" s="2" t="s">
        <v>34</v>
      </c>
      <c r="J253" s="2" t="s">
        <v>707</v>
      </c>
      <c r="K253" s="2" t="s">
        <v>29</v>
      </c>
      <c r="L253" s="2" t="s">
        <v>30</v>
      </c>
      <c r="M253" s="2" t="s">
        <v>31</v>
      </c>
      <c r="N253" s="2" t="s">
        <v>49</v>
      </c>
      <c r="O253" s="2" t="s">
        <v>33</v>
      </c>
      <c r="P253" s="2" t="s">
        <v>34</v>
      </c>
      <c r="Q253" s="2" t="s">
        <v>34</v>
      </c>
      <c r="R253" s="2" t="s">
        <v>35</v>
      </c>
      <c r="S253" s="2" t="s">
        <v>708</v>
      </c>
      <c r="T253" s="2" t="s">
        <v>34</v>
      </c>
      <c r="U253" s="2" t="s">
        <v>34</v>
      </c>
      <c r="V253" s="2" t="s">
        <v>34</v>
      </c>
    </row>
    <row r="254" spans="1:22" x14ac:dyDescent="0.25">
      <c r="A254" s="2" t="s">
        <v>21</v>
      </c>
      <c r="B254" s="3" t="s">
        <v>640</v>
      </c>
      <c r="C254" s="2" t="s">
        <v>641</v>
      </c>
      <c r="D254" s="4" t="s">
        <v>259</v>
      </c>
      <c r="E254" s="2" t="s">
        <v>215</v>
      </c>
      <c r="F254" s="2" t="s">
        <v>716</v>
      </c>
      <c r="G254" s="8" t="s">
        <v>717</v>
      </c>
      <c r="H254" s="8" t="s">
        <v>133</v>
      </c>
      <c r="I254" s="2" t="s">
        <v>34</v>
      </c>
      <c r="J254" s="2" t="s">
        <v>718</v>
      </c>
      <c r="K254" s="2" t="s">
        <v>29</v>
      </c>
      <c r="L254" s="2" t="s">
        <v>30</v>
      </c>
      <c r="M254" s="2" t="s">
        <v>31</v>
      </c>
      <c r="N254" s="2" t="s">
        <v>525</v>
      </c>
      <c r="O254" s="2" t="s">
        <v>189</v>
      </c>
      <c r="P254" s="2" t="s">
        <v>34</v>
      </c>
      <c r="Q254" s="2" t="s">
        <v>34</v>
      </c>
      <c r="R254" s="2" t="s">
        <v>35</v>
      </c>
      <c r="S254" s="2" t="s">
        <v>719</v>
      </c>
      <c r="T254" s="2" t="s">
        <v>34</v>
      </c>
      <c r="U254" s="2" t="s">
        <v>34</v>
      </c>
      <c r="V254" s="2" t="s">
        <v>34</v>
      </c>
    </row>
    <row r="255" spans="1:22" x14ac:dyDescent="0.25">
      <c r="A255" s="2" t="s">
        <v>21</v>
      </c>
      <c r="B255" s="3" t="s">
        <v>640</v>
      </c>
      <c r="C255" s="2" t="s">
        <v>641</v>
      </c>
      <c r="D255" s="4" t="s">
        <v>1994</v>
      </c>
      <c r="E255" s="2" t="s">
        <v>1874</v>
      </c>
      <c r="F255" s="2" t="s">
        <v>1995</v>
      </c>
      <c r="G255" s="8" t="s">
        <v>70</v>
      </c>
      <c r="H255" s="8" t="s">
        <v>27</v>
      </c>
      <c r="I255" s="2" t="s">
        <v>34</v>
      </c>
      <c r="J255" s="2" t="s">
        <v>34</v>
      </c>
      <c r="K255" s="2" t="s">
        <v>29</v>
      </c>
      <c r="L255" s="2" t="s">
        <v>30</v>
      </c>
      <c r="M255" s="2" t="s">
        <v>31</v>
      </c>
      <c r="N255" s="2" t="s">
        <v>183</v>
      </c>
      <c r="O255" s="2" t="s">
        <v>1702</v>
      </c>
      <c r="P255" s="2" t="s">
        <v>34</v>
      </c>
      <c r="Q255" s="2" t="s">
        <v>34</v>
      </c>
      <c r="R255" s="2" t="s">
        <v>35</v>
      </c>
      <c r="S255" s="2" t="s">
        <v>1996</v>
      </c>
      <c r="T255" s="2" t="s">
        <v>34</v>
      </c>
      <c r="U255" s="2" t="s">
        <v>34</v>
      </c>
      <c r="V255" s="2" t="s">
        <v>34</v>
      </c>
    </row>
    <row r="256" spans="1:22" x14ac:dyDescent="0.25">
      <c r="A256" s="2" t="s">
        <v>21</v>
      </c>
      <c r="B256" s="3" t="s">
        <v>640</v>
      </c>
      <c r="C256" s="2" t="s">
        <v>641</v>
      </c>
      <c r="D256" s="4" t="s">
        <v>1997</v>
      </c>
      <c r="E256" s="2" t="s">
        <v>245</v>
      </c>
      <c r="F256" s="2" t="s">
        <v>260</v>
      </c>
      <c r="G256" s="8" t="s">
        <v>133</v>
      </c>
      <c r="H256" s="8" t="s">
        <v>45</v>
      </c>
      <c r="I256" s="2" t="s">
        <v>247</v>
      </c>
      <c r="J256" s="2" t="s">
        <v>261</v>
      </c>
      <c r="K256" s="2" t="s">
        <v>29</v>
      </c>
      <c r="L256" s="2" t="s">
        <v>30</v>
      </c>
      <c r="M256" s="2" t="s">
        <v>116</v>
      </c>
      <c r="N256" s="2" t="s">
        <v>183</v>
      </c>
      <c r="O256" s="2" t="s">
        <v>249</v>
      </c>
      <c r="P256" s="2" t="s">
        <v>34</v>
      </c>
      <c r="Q256" s="2" t="s">
        <v>34</v>
      </c>
      <c r="R256" s="2" t="s">
        <v>35</v>
      </c>
      <c r="S256" s="2" t="s">
        <v>262</v>
      </c>
      <c r="T256" s="2" t="s">
        <v>34</v>
      </c>
      <c r="U256" s="2" t="s">
        <v>34</v>
      </c>
      <c r="V256" s="2" t="s">
        <v>34</v>
      </c>
    </row>
    <row r="257" spans="1:22" x14ac:dyDescent="0.25">
      <c r="A257" s="2" t="s">
        <v>21</v>
      </c>
      <c r="B257" s="3" t="s">
        <v>640</v>
      </c>
      <c r="C257" s="2" t="s">
        <v>641</v>
      </c>
      <c r="D257" s="4" t="s">
        <v>1998</v>
      </c>
      <c r="E257" s="2" t="s">
        <v>228</v>
      </c>
      <c r="F257" s="2" t="s">
        <v>559</v>
      </c>
      <c r="G257" s="8" t="s">
        <v>560</v>
      </c>
      <c r="H257" s="8" t="s">
        <v>27</v>
      </c>
      <c r="I257" s="2" t="s">
        <v>425</v>
      </c>
      <c r="J257" s="2" t="s">
        <v>561</v>
      </c>
      <c r="K257" s="2" t="s">
        <v>29</v>
      </c>
      <c r="L257" s="2" t="s">
        <v>34</v>
      </c>
      <c r="M257" s="2" t="s">
        <v>116</v>
      </c>
      <c r="N257" s="2" t="s">
        <v>104</v>
      </c>
      <c r="O257" s="2" t="s">
        <v>33</v>
      </c>
      <c r="P257" s="2" t="s">
        <v>34</v>
      </c>
      <c r="Q257" s="2" t="s">
        <v>34</v>
      </c>
      <c r="R257" s="2" t="s">
        <v>35</v>
      </c>
      <c r="S257" s="2" t="s">
        <v>562</v>
      </c>
      <c r="T257" s="2" t="s">
        <v>34</v>
      </c>
      <c r="U257" s="2" t="s">
        <v>34</v>
      </c>
      <c r="V257" s="2" t="s">
        <v>34</v>
      </c>
    </row>
    <row r="258" spans="1:22" x14ac:dyDescent="0.25">
      <c r="A258" s="2"/>
      <c r="B258" s="3"/>
      <c r="C258" s="2"/>
      <c r="D258" s="4"/>
      <c r="E258" s="5" t="s">
        <v>267</v>
      </c>
      <c r="F258" s="2"/>
      <c r="I258" s="2"/>
      <c r="J258" s="2"/>
      <c r="K258" s="2"/>
      <c r="L258" s="2"/>
      <c r="M258" s="2"/>
      <c r="N258" s="2"/>
      <c r="O258" s="2"/>
      <c r="P258" s="2"/>
      <c r="Q258" s="2"/>
      <c r="R258" s="2"/>
      <c r="S258" s="2"/>
      <c r="T258" s="2"/>
      <c r="U258" s="2"/>
      <c r="V258" s="2" t="s">
        <v>34</v>
      </c>
    </row>
    <row r="259" spans="1:22" x14ac:dyDescent="0.25">
      <c r="A259" s="2"/>
      <c r="B259" s="3"/>
      <c r="C259" s="2"/>
      <c r="D259" s="4"/>
      <c r="E259" s="5"/>
      <c r="F259" s="2"/>
      <c r="I259" s="2"/>
      <c r="J259" s="2"/>
      <c r="K259" s="2"/>
      <c r="L259" s="2"/>
      <c r="M259" s="2"/>
      <c r="N259" s="2"/>
      <c r="O259" s="2"/>
      <c r="P259" s="2"/>
      <c r="Q259" s="2"/>
      <c r="R259" s="2"/>
      <c r="S259" s="2"/>
      <c r="T259" s="2"/>
      <c r="U259" s="2"/>
      <c r="V259" s="2" t="s">
        <v>34</v>
      </c>
    </row>
    <row r="260" spans="1:22" x14ac:dyDescent="0.25">
      <c r="A260" s="2" t="s">
        <v>21</v>
      </c>
      <c r="B260" s="3" t="s">
        <v>720</v>
      </c>
      <c r="C260" s="2" t="s">
        <v>721</v>
      </c>
      <c r="D260" s="4" t="s">
        <v>24</v>
      </c>
      <c r="E260" s="2" t="s">
        <v>25</v>
      </c>
      <c r="F260" s="2" t="s">
        <v>722</v>
      </c>
      <c r="G260" s="8" t="s">
        <v>193</v>
      </c>
      <c r="H260" s="8" t="s">
        <v>27</v>
      </c>
      <c r="I260" s="2" t="s">
        <v>28</v>
      </c>
      <c r="J260" s="2" t="s">
        <v>723</v>
      </c>
      <c r="K260" s="2" t="s">
        <v>29</v>
      </c>
      <c r="L260" s="2" t="s">
        <v>30</v>
      </c>
      <c r="M260" s="2" t="s">
        <v>31</v>
      </c>
      <c r="N260" s="2" t="s">
        <v>32</v>
      </c>
      <c r="O260" s="2" t="s">
        <v>33</v>
      </c>
      <c r="P260" s="2" t="s">
        <v>34</v>
      </c>
      <c r="Q260" s="2" t="s">
        <v>34</v>
      </c>
      <c r="R260" s="2" t="s">
        <v>35</v>
      </c>
      <c r="S260" s="2" t="s">
        <v>724</v>
      </c>
      <c r="T260" s="2" t="s">
        <v>34</v>
      </c>
      <c r="U260" s="2" t="s">
        <v>34</v>
      </c>
      <c r="V260" s="2" t="s">
        <v>34</v>
      </c>
    </row>
    <row r="261" spans="1:22" x14ac:dyDescent="0.25">
      <c r="A261" s="2" t="s">
        <v>21</v>
      </c>
      <c r="B261" s="3" t="s">
        <v>720</v>
      </c>
      <c r="C261" s="2" t="s">
        <v>721</v>
      </c>
      <c r="D261" s="4" t="s">
        <v>36</v>
      </c>
      <c r="E261" s="2" t="s">
        <v>25</v>
      </c>
      <c r="F261" s="2" t="s">
        <v>725</v>
      </c>
      <c r="G261" s="8" t="s">
        <v>91</v>
      </c>
      <c r="H261" s="8" t="s">
        <v>27</v>
      </c>
      <c r="I261" s="2" t="s">
        <v>28</v>
      </c>
      <c r="J261" s="2" t="s">
        <v>726</v>
      </c>
      <c r="K261" s="2" t="s">
        <v>29</v>
      </c>
      <c r="L261" s="2" t="s">
        <v>30</v>
      </c>
      <c r="M261" s="2" t="s">
        <v>31</v>
      </c>
      <c r="N261" s="2" t="s">
        <v>32</v>
      </c>
      <c r="O261" s="2" t="s">
        <v>33</v>
      </c>
      <c r="P261" s="2" t="s">
        <v>34</v>
      </c>
      <c r="Q261" s="2" t="s">
        <v>34</v>
      </c>
      <c r="R261" s="2" t="s">
        <v>35</v>
      </c>
      <c r="S261" s="2" t="s">
        <v>727</v>
      </c>
      <c r="T261" s="2" t="s">
        <v>34</v>
      </c>
      <c r="U261" s="2" t="s">
        <v>34</v>
      </c>
      <c r="V261" s="2" t="s">
        <v>34</v>
      </c>
    </row>
    <row r="262" spans="1:22" x14ac:dyDescent="0.25">
      <c r="A262" s="2" t="s">
        <v>21</v>
      </c>
      <c r="B262" s="3" t="s">
        <v>720</v>
      </c>
      <c r="C262" s="2" t="s">
        <v>721</v>
      </c>
      <c r="D262" s="4" t="s">
        <v>41</v>
      </c>
      <c r="E262" s="2" t="s">
        <v>42</v>
      </c>
      <c r="F262" s="2" t="s">
        <v>567</v>
      </c>
      <c r="G262" s="8" t="s">
        <v>560</v>
      </c>
      <c r="H262" s="8" t="s">
        <v>45</v>
      </c>
      <c r="I262" s="2" t="s">
        <v>46</v>
      </c>
      <c r="J262" s="2" t="s">
        <v>568</v>
      </c>
      <c r="K262" s="2" t="s">
        <v>29</v>
      </c>
      <c r="L262" s="2" t="s">
        <v>30</v>
      </c>
      <c r="M262" s="2" t="s">
        <v>48</v>
      </c>
      <c r="N262" s="2" t="s">
        <v>49</v>
      </c>
      <c r="O262" s="2" t="s">
        <v>50</v>
      </c>
      <c r="P262" s="2" t="s">
        <v>34</v>
      </c>
      <c r="Q262" s="2" t="s">
        <v>34</v>
      </c>
      <c r="R262" s="2" t="s">
        <v>35</v>
      </c>
      <c r="S262" s="2" t="s">
        <v>569</v>
      </c>
      <c r="T262" s="2" t="s">
        <v>34</v>
      </c>
      <c r="U262" s="2" t="s">
        <v>34</v>
      </c>
      <c r="V262" s="2" t="s">
        <v>34</v>
      </c>
    </row>
    <row r="263" spans="1:22" x14ac:dyDescent="0.25">
      <c r="A263" s="2" t="s">
        <v>21</v>
      </c>
      <c r="B263" s="3" t="s">
        <v>720</v>
      </c>
      <c r="C263" s="2" t="s">
        <v>721</v>
      </c>
      <c r="D263" s="4" t="s">
        <v>52</v>
      </c>
      <c r="E263" s="2" t="s">
        <v>42</v>
      </c>
      <c r="F263" s="2" t="s">
        <v>570</v>
      </c>
      <c r="G263" s="8" t="s">
        <v>564</v>
      </c>
      <c r="H263" s="8" t="s">
        <v>45</v>
      </c>
      <c r="I263" s="2" t="s">
        <v>55</v>
      </c>
      <c r="J263" s="2" t="s">
        <v>571</v>
      </c>
      <c r="K263" s="2" t="s">
        <v>29</v>
      </c>
      <c r="L263" s="2" t="s">
        <v>30</v>
      </c>
      <c r="M263" s="2" t="s">
        <v>48</v>
      </c>
      <c r="N263" s="2" t="s">
        <v>49</v>
      </c>
      <c r="O263" s="2" t="s">
        <v>50</v>
      </c>
      <c r="P263" s="2" t="s">
        <v>34</v>
      </c>
      <c r="Q263" s="2" t="s">
        <v>34</v>
      </c>
      <c r="R263" s="2" t="s">
        <v>35</v>
      </c>
      <c r="S263" s="2" t="s">
        <v>572</v>
      </c>
      <c r="T263" s="2" t="s">
        <v>34</v>
      </c>
      <c r="U263" s="2" t="s">
        <v>34</v>
      </c>
      <c r="V263" s="2" t="s">
        <v>34</v>
      </c>
    </row>
    <row r="264" spans="1:22" x14ac:dyDescent="0.25">
      <c r="A264" s="2" t="s">
        <v>21</v>
      </c>
      <c r="B264" s="3" t="s">
        <v>720</v>
      </c>
      <c r="C264" s="2" t="s">
        <v>721</v>
      </c>
      <c r="D264" s="4" t="s">
        <v>58</v>
      </c>
      <c r="E264" s="2" t="s">
        <v>42</v>
      </c>
      <c r="F264" s="2" t="s">
        <v>573</v>
      </c>
      <c r="G264" s="8" t="s">
        <v>574</v>
      </c>
      <c r="H264" s="8" t="s">
        <v>45</v>
      </c>
      <c r="I264" s="2" t="s">
        <v>55</v>
      </c>
      <c r="J264" s="2" t="s">
        <v>575</v>
      </c>
      <c r="K264" s="2" t="s">
        <v>29</v>
      </c>
      <c r="L264" s="2" t="s">
        <v>30</v>
      </c>
      <c r="M264" s="2" t="s">
        <v>48</v>
      </c>
      <c r="N264" s="2" t="s">
        <v>49</v>
      </c>
      <c r="O264" s="2" t="s">
        <v>50</v>
      </c>
      <c r="P264" s="2" t="s">
        <v>34</v>
      </c>
      <c r="Q264" s="2" t="s">
        <v>34</v>
      </c>
      <c r="R264" s="2" t="s">
        <v>35</v>
      </c>
      <c r="S264" s="2" t="s">
        <v>576</v>
      </c>
      <c r="T264" s="2" t="s">
        <v>34</v>
      </c>
      <c r="U264" s="2" t="s">
        <v>34</v>
      </c>
      <c r="V264" s="2" t="s">
        <v>34</v>
      </c>
    </row>
    <row r="265" spans="1:22" x14ac:dyDescent="0.25">
      <c r="A265" s="2" t="s">
        <v>21</v>
      </c>
      <c r="B265" s="3" t="s">
        <v>720</v>
      </c>
      <c r="C265" s="2" t="s">
        <v>721</v>
      </c>
      <c r="D265" s="4" t="s">
        <v>63</v>
      </c>
      <c r="E265" s="2" t="s">
        <v>42</v>
      </c>
      <c r="F265" s="2" t="s">
        <v>577</v>
      </c>
      <c r="G265" s="8" t="s">
        <v>540</v>
      </c>
      <c r="H265" s="8" t="s">
        <v>45</v>
      </c>
      <c r="I265" s="2" t="s">
        <v>55</v>
      </c>
      <c r="J265" s="2" t="s">
        <v>578</v>
      </c>
      <c r="K265" s="2" t="s">
        <v>29</v>
      </c>
      <c r="L265" s="2" t="s">
        <v>30</v>
      </c>
      <c r="M265" s="2" t="s">
        <v>48</v>
      </c>
      <c r="N265" s="2" t="s">
        <v>49</v>
      </c>
      <c r="O265" s="2" t="s">
        <v>50</v>
      </c>
      <c r="P265" s="2" t="s">
        <v>34</v>
      </c>
      <c r="Q265" s="2" t="s">
        <v>34</v>
      </c>
      <c r="R265" s="2" t="s">
        <v>35</v>
      </c>
      <c r="S265" s="2" t="s">
        <v>579</v>
      </c>
      <c r="T265" s="2" t="s">
        <v>34</v>
      </c>
      <c r="U265" s="2" t="s">
        <v>34</v>
      </c>
      <c r="V265" s="2" t="s">
        <v>34</v>
      </c>
    </row>
    <row r="266" spans="1:22" x14ac:dyDescent="0.25">
      <c r="A266" s="2" t="s">
        <v>21</v>
      </c>
      <c r="B266" s="3" t="s">
        <v>720</v>
      </c>
      <c r="C266" s="2" t="s">
        <v>721</v>
      </c>
      <c r="D266" s="4" t="s">
        <v>68</v>
      </c>
      <c r="E266" s="2" t="s">
        <v>42</v>
      </c>
      <c r="F266" s="2" t="s">
        <v>580</v>
      </c>
      <c r="G266" s="8" t="s">
        <v>407</v>
      </c>
      <c r="H266" s="8" t="s">
        <v>45</v>
      </c>
      <c r="I266" s="2" t="s">
        <v>46</v>
      </c>
      <c r="J266" s="2" t="s">
        <v>581</v>
      </c>
      <c r="K266" s="2" t="s">
        <v>29</v>
      </c>
      <c r="L266" s="2" t="s">
        <v>30</v>
      </c>
      <c r="M266" s="2" t="s">
        <v>48</v>
      </c>
      <c r="N266" s="2" t="s">
        <v>49</v>
      </c>
      <c r="O266" s="2" t="s">
        <v>50</v>
      </c>
      <c r="P266" s="2" t="s">
        <v>34</v>
      </c>
      <c r="Q266" s="2" t="s">
        <v>34</v>
      </c>
      <c r="R266" s="2" t="s">
        <v>35</v>
      </c>
      <c r="S266" s="2" t="s">
        <v>582</v>
      </c>
      <c r="T266" s="2" t="s">
        <v>34</v>
      </c>
      <c r="U266" s="2" t="s">
        <v>34</v>
      </c>
      <c r="V266" s="2" t="s">
        <v>34</v>
      </c>
    </row>
    <row r="267" spans="1:22" x14ac:dyDescent="0.25">
      <c r="A267" s="2" t="s">
        <v>21</v>
      </c>
      <c r="B267" s="3" t="s">
        <v>720</v>
      </c>
      <c r="C267" s="2" t="s">
        <v>721</v>
      </c>
      <c r="D267" s="4" t="s">
        <v>73</v>
      </c>
      <c r="E267" s="2" t="s">
        <v>42</v>
      </c>
      <c r="F267" s="2" t="s">
        <v>583</v>
      </c>
      <c r="G267" s="8" t="s">
        <v>584</v>
      </c>
      <c r="H267" s="8" t="s">
        <v>45</v>
      </c>
      <c r="I267" s="2" t="s">
        <v>46</v>
      </c>
      <c r="J267" s="2" t="s">
        <v>585</v>
      </c>
      <c r="K267" s="2" t="s">
        <v>29</v>
      </c>
      <c r="L267" s="2" t="s">
        <v>30</v>
      </c>
      <c r="M267" s="2" t="s">
        <v>48</v>
      </c>
      <c r="N267" s="2" t="s">
        <v>49</v>
      </c>
      <c r="O267" s="2" t="s">
        <v>50</v>
      </c>
      <c r="P267" s="2" t="s">
        <v>34</v>
      </c>
      <c r="Q267" s="2" t="s">
        <v>34</v>
      </c>
      <c r="R267" s="2" t="s">
        <v>35</v>
      </c>
      <c r="S267" s="2" t="s">
        <v>586</v>
      </c>
      <c r="T267" s="2" t="s">
        <v>34</v>
      </c>
      <c r="U267" s="2" t="s">
        <v>34</v>
      </c>
      <c r="V267" s="2" t="s">
        <v>34</v>
      </c>
    </row>
    <row r="268" spans="1:22" x14ac:dyDescent="0.25">
      <c r="A268" s="2" t="s">
        <v>21</v>
      </c>
      <c r="B268" s="3" t="s">
        <v>720</v>
      </c>
      <c r="C268" s="2" t="s">
        <v>721</v>
      </c>
      <c r="D268" s="4" t="s">
        <v>78</v>
      </c>
      <c r="E268" s="2" t="s">
        <v>25</v>
      </c>
      <c r="F268" s="2" t="s">
        <v>728</v>
      </c>
      <c r="G268" s="8" t="s">
        <v>458</v>
      </c>
      <c r="H268" s="8" t="s">
        <v>27</v>
      </c>
      <c r="I268" s="2" t="s">
        <v>275</v>
      </c>
      <c r="J268" s="2" t="s">
        <v>729</v>
      </c>
      <c r="K268" s="2" t="s">
        <v>29</v>
      </c>
      <c r="L268" s="2" t="s">
        <v>30</v>
      </c>
      <c r="M268" s="2" t="s">
        <v>31</v>
      </c>
      <c r="N268" s="2" t="s">
        <v>32</v>
      </c>
      <c r="O268" s="2" t="s">
        <v>33</v>
      </c>
      <c r="P268" s="2" t="s">
        <v>34</v>
      </c>
      <c r="Q268" s="2" t="s">
        <v>34</v>
      </c>
      <c r="R268" s="2" t="s">
        <v>35</v>
      </c>
      <c r="S268" s="2" t="s">
        <v>730</v>
      </c>
      <c r="T268" s="2" t="s">
        <v>34</v>
      </c>
      <c r="U268" s="2" t="s">
        <v>34</v>
      </c>
      <c r="V268" s="2" t="s">
        <v>34</v>
      </c>
    </row>
    <row r="269" spans="1:22" x14ac:dyDescent="0.25">
      <c r="A269" s="2" t="s">
        <v>21</v>
      </c>
      <c r="B269" s="3" t="s">
        <v>720</v>
      </c>
      <c r="C269" s="2" t="s">
        <v>721</v>
      </c>
      <c r="D269" s="4" t="s">
        <v>83</v>
      </c>
      <c r="E269" s="2" t="s">
        <v>84</v>
      </c>
      <c r="F269" s="2" t="s">
        <v>330</v>
      </c>
      <c r="G269" s="8" t="s">
        <v>337</v>
      </c>
      <c r="H269" s="8" t="s">
        <v>86</v>
      </c>
      <c r="I269" s="2" t="s">
        <v>34</v>
      </c>
      <c r="J269" s="2" t="s">
        <v>731</v>
      </c>
      <c r="K269" s="2" t="s">
        <v>29</v>
      </c>
      <c r="L269" s="2" t="s">
        <v>30</v>
      </c>
      <c r="M269" s="2" t="s">
        <v>31</v>
      </c>
      <c r="N269" s="2" t="s">
        <v>49</v>
      </c>
      <c r="O269" s="2" t="s">
        <v>33</v>
      </c>
      <c r="P269" s="2" t="s">
        <v>34</v>
      </c>
      <c r="Q269" s="2" t="s">
        <v>34</v>
      </c>
      <c r="R269" s="2" t="s">
        <v>35</v>
      </c>
      <c r="S269" s="2" t="s">
        <v>732</v>
      </c>
      <c r="T269" s="2" t="s">
        <v>34</v>
      </c>
      <c r="U269" s="2" t="s">
        <v>34</v>
      </c>
      <c r="V269" s="2" t="s">
        <v>34</v>
      </c>
    </row>
    <row r="270" spans="1:22" x14ac:dyDescent="0.25">
      <c r="A270" s="2" t="s">
        <v>21</v>
      </c>
      <c r="B270" s="3" t="s">
        <v>720</v>
      </c>
      <c r="C270" s="2" t="s">
        <v>721</v>
      </c>
      <c r="D270" s="4" t="s">
        <v>89</v>
      </c>
      <c r="E270" s="2" t="s">
        <v>1999</v>
      </c>
      <c r="F270" s="2" t="s">
        <v>34</v>
      </c>
      <c r="G270" s="8" t="s">
        <v>34</v>
      </c>
      <c r="H270" s="8" t="s">
        <v>34</v>
      </c>
      <c r="I270" s="2" t="s">
        <v>2000</v>
      </c>
      <c r="J270" s="2" t="s">
        <v>2001</v>
      </c>
      <c r="K270" s="2" t="s">
        <v>115</v>
      </c>
      <c r="L270" s="2" t="s">
        <v>30</v>
      </c>
      <c r="M270" s="2" t="s">
        <v>31</v>
      </c>
      <c r="N270" s="2" t="s">
        <v>1309</v>
      </c>
      <c r="O270" s="2" t="s">
        <v>117</v>
      </c>
      <c r="P270" s="2" t="s">
        <v>34</v>
      </c>
      <c r="Q270" s="2" t="s">
        <v>34</v>
      </c>
      <c r="R270" s="2" t="s">
        <v>35</v>
      </c>
      <c r="S270" s="2" t="s">
        <v>2002</v>
      </c>
      <c r="T270" s="2" t="s">
        <v>34</v>
      </c>
      <c r="U270" s="2" t="s">
        <v>34</v>
      </c>
      <c r="V270" s="2" t="s">
        <v>34</v>
      </c>
    </row>
    <row r="271" spans="1:22" x14ac:dyDescent="0.25">
      <c r="A271" s="2" t="s">
        <v>21</v>
      </c>
      <c r="B271" s="3" t="s">
        <v>720</v>
      </c>
      <c r="C271" s="2" t="s">
        <v>721</v>
      </c>
      <c r="D271" s="4" t="s">
        <v>98</v>
      </c>
      <c r="E271" s="2" t="s">
        <v>99</v>
      </c>
      <c r="F271" s="2" t="s">
        <v>733</v>
      </c>
      <c r="G271" s="8" t="s">
        <v>384</v>
      </c>
      <c r="H271" s="8" t="s">
        <v>45</v>
      </c>
      <c r="I271" s="2" t="s">
        <v>34</v>
      </c>
      <c r="J271" s="2" t="s">
        <v>734</v>
      </c>
      <c r="K271" s="2" t="s">
        <v>29</v>
      </c>
      <c r="L271" s="2" t="s">
        <v>30</v>
      </c>
      <c r="M271" s="2" t="s">
        <v>31</v>
      </c>
      <c r="N271" s="2" t="s">
        <v>104</v>
      </c>
      <c r="O271" s="2" t="s">
        <v>33</v>
      </c>
      <c r="P271" s="2" t="s">
        <v>34</v>
      </c>
      <c r="Q271" s="2" t="s">
        <v>34</v>
      </c>
      <c r="R271" s="2" t="s">
        <v>35</v>
      </c>
      <c r="S271" s="2" t="s">
        <v>735</v>
      </c>
      <c r="T271" s="2" t="s">
        <v>34</v>
      </c>
      <c r="U271" s="2" t="s">
        <v>34</v>
      </c>
      <c r="V271" s="2" t="s">
        <v>34</v>
      </c>
    </row>
    <row r="272" spans="1:22" x14ac:dyDescent="0.25">
      <c r="A272" s="2" t="s">
        <v>21</v>
      </c>
      <c r="B272" s="3" t="s">
        <v>720</v>
      </c>
      <c r="C272" s="2" t="s">
        <v>721</v>
      </c>
      <c r="D272" s="4" t="s">
        <v>106</v>
      </c>
      <c r="E272" s="2" t="s">
        <v>99</v>
      </c>
      <c r="F272" s="2" t="s">
        <v>736</v>
      </c>
      <c r="G272" s="8" t="s">
        <v>388</v>
      </c>
      <c r="H272" s="8" t="s">
        <v>45</v>
      </c>
      <c r="I272" s="2" t="s">
        <v>34</v>
      </c>
      <c r="J272" s="2" t="s">
        <v>737</v>
      </c>
      <c r="K272" s="2" t="s">
        <v>29</v>
      </c>
      <c r="L272" s="2" t="s">
        <v>30</v>
      </c>
      <c r="M272" s="2" t="s">
        <v>31</v>
      </c>
      <c r="N272" s="2" t="s">
        <v>104</v>
      </c>
      <c r="O272" s="2" t="s">
        <v>33</v>
      </c>
      <c r="P272" s="2" t="s">
        <v>34</v>
      </c>
      <c r="Q272" s="2" t="s">
        <v>34</v>
      </c>
      <c r="R272" s="2" t="s">
        <v>35</v>
      </c>
      <c r="S272" s="2" t="s">
        <v>738</v>
      </c>
      <c r="T272" s="2" t="s">
        <v>34</v>
      </c>
      <c r="U272" s="2" t="s">
        <v>34</v>
      </c>
      <c r="V272" s="2" t="s">
        <v>34</v>
      </c>
    </row>
    <row r="273" spans="1:22" x14ac:dyDescent="0.25">
      <c r="A273" s="2" t="s">
        <v>21</v>
      </c>
      <c r="B273" s="3" t="s">
        <v>720</v>
      </c>
      <c r="C273" s="2" t="s">
        <v>721</v>
      </c>
      <c r="D273" s="4" t="s">
        <v>112</v>
      </c>
      <c r="E273" s="2" t="s">
        <v>99</v>
      </c>
      <c r="F273" s="2" t="s">
        <v>739</v>
      </c>
      <c r="G273" s="8" t="s">
        <v>392</v>
      </c>
      <c r="H273" s="8" t="s">
        <v>45</v>
      </c>
      <c r="I273" s="2" t="s">
        <v>34</v>
      </c>
      <c r="J273" s="2" t="s">
        <v>740</v>
      </c>
      <c r="K273" s="2" t="s">
        <v>29</v>
      </c>
      <c r="L273" s="2" t="s">
        <v>30</v>
      </c>
      <c r="M273" s="2" t="s">
        <v>31</v>
      </c>
      <c r="N273" s="2" t="s">
        <v>104</v>
      </c>
      <c r="O273" s="2" t="s">
        <v>33</v>
      </c>
      <c r="P273" s="2" t="s">
        <v>34</v>
      </c>
      <c r="Q273" s="2" t="s">
        <v>34</v>
      </c>
      <c r="R273" s="2" t="s">
        <v>35</v>
      </c>
      <c r="S273" s="2" t="s">
        <v>741</v>
      </c>
      <c r="T273" s="2" t="s">
        <v>34</v>
      </c>
      <c r="U273" s="2" t="s">
        <v>34</v>
      </c>
      <c r="V273" s="2" t="s">
        <v>34</v>
      </c>
    </row>
    <row r="274" spans="1:22" x14ac:dyDescent="0.25">
      <c r="A274" s="2" t="s">
        <v>21</v>
      </c>
      <c r="B274" s="3" t="s">
        <v>720</v>
      </c>
      <c r="C274" s="2" t="s">
        <v>721</v>
      </c>
      <c r="D274" s="4" t="s">
        <v>419</v>
      </c>
      <c r="E274" s="2" t="s">
        <v>99</v>
      </c>
      <c r="F274" s="2" t="s">
        <v>742</v>
      </c>
      <c r="G274" s="8" t="s">
        <v>396</v>
      </c>
      <c r="H274" s="8" t="s">
        <v>45</v>
      </c>
      <c r="I274" s="2" t="s">
        <v>34</v>
      </c>
      <c r="J274" s="2" t="s">
        <v>743</v>
      </c>
      <c r="K274" s="2" t="s">
        <v>29</v>
      </c>
      <c r="L274" s="2" t="s">
        <v>30</v>
      </c>
      <c r="M274" s="2" t="s">
        <v>31</v>
      </c>
      <c r="N274" s="2" t="s">
        <v>104</v>
      </c>
      <c r="O274" s="2" t="s">
        <v>33</v>
      </c>
      <c r="P274" s="2" t="s">
        <v>34</v>
      </c>
      <c r="Q274" s="2" t="s">
        <v>34</v>
      </c>
      <c r="R274" s="2" t="s">
        <v>35</v>
      </c>
      <c r="S274" s="2" t="s">
        <v>744</v>
      </c>
      <c r="T274" s="2" t="s">
        <v>34</v>
      </c>
      <c r="U274" s="2" t="s">
        <v>34</v>
      </c>
      <c r="V274" s="2" t="s">
        <v>34</v>
      </c>
    </row>
    <row r="275" spans="1:22" x14ac:dyDescent="0.25">
      <c r="A275" s="2" t="s">
        <v>21</v>
      </c>
      <c r="B275" s="3" t="s">
        <v>720</v>
      </c>
      <c r="C275" s="2" t="s">
        <v>721</v>
      </c>
      <c r="D275" s="4" t="s">
        <v>120</v>
      </c>
      <c r="E275" s="2" t="s">
        <v>228</v>
      </c>
      <c r="F275" s="2" t="s">
        <v>745</v>
      </c>
      <c r="G275" s="8" t="s">
        <v>489</v>
      </c>
      <c r="H275" s="8" t="s">
        <v>27</v>
      </c>
      <c r="I275" s="2" t="s">
        <v>425</v>
      </c>
      <c r="J275" s="2" t="s">
        <v>746</v>
      </c>
      <c r="K275" s="2" t="s">
        <v>29</v>
      </c>
      <c r="L275" s="2" t="s">
        <v>34</v>
      </c>
      <c r="M275" s="2" t="s">
        <v>116</v>
      </c>
      <c r="N275" s="2" t="s">
        <v>104</v>
      </c>
      <c r="O275" s="2" t="s">
        <v>33</v>
      </c>
      <c r="P275" s="2" t="s">
        <v>34</v>
      </c>
      <c r="Q275" s="2" t="s">
        <v>34</v>
      </c>
      <c r="R275" s="2" t="s">
        <v>35</v>
      </c>
      <c r="S275" s="2" t="s">
        <v>747</v>
      </c>
      <c r="T275" s="2" t="s">
        <v>34</v>
      </c>
      <c r="U275" s="2" t="s">
        <v>34</v>
      </c>
      <c r="V275" s="2" t="s">
        <v>34</v>
      </c>
    </row>
    <row r="276" spans="1:22" x14ac:dyDescent="0.25">
      <c r="A276" s="2" t="s">
        <v>21</v>
      </c>
      <c r="B276" s="3" t="s">
        <v>720</v>
      </c>
      <c r="C276" s="2" t="s">
        <v>721</v>
      </c>
      <c r="D276" s="4" t="s">
        <v>131</v>
      </c>
      <c r="E276" s="2" t="s">
        <v>228</v>
      </c>
      <c r="F276" s="2" t="s">
        <v>748</v>
      </c>
      <c r="G276" s="8" t="s">
        <v>591</v>
      </c>
      <c r="H276" s="8" t="s">
        <v>27</v>
      </c>
      <c r="I276" s="2" t="s">
        <v>425</v>
      </c>
      <c r="J276" s="2" t="s">
        <v>749</v>
      </c>
      <c r="K276" s="2" t="s">
        <v>29</v>
      </c>
      <c r="L276" s="2" t="s">
        <v>34</v>
      </c>
      <c r="M276" s="2" t="s">
        <v>116</v>
      </c>
      <c r="N276" s="2" t="s">
        <v>104</v>
      </c>
      <c r="O276" s="2" t="s">
        <v>33</v>
      </c>
      <c r="P276" s="2" t="s">
        <v>34</v>
      </c>
      <c r="Q276" s="2" t="s">
        <v>34</v>
      </c>
      <c r="R276" s="2" t="s">
        <v>35</v>
      </c>
      <c r="S276" s="2" t="s">
        <v>750</v>
      </c>
      <c r="T276" s="2" t="s">
        <v>34</v>
      </c>
      <c r="U276" s="2" t="s">
        <v>34</v>
      </c>
      <c r="V276" s="2" t="s">
        <v>34</v>
      </c>
    </row>
    <row r="277" spans="1:22" x14ac:dyDescent="0.25">
      <c r="A277" s="2" t="s">
        <v>21</v>
      </c>
      <c r="B277" s="3" t="s">
        <v>720</v>
      </c>
      <c r="C277" s="2" t="s">
        <v>721</v>
      </c>
      <c r="D277" s="4" t="s">
        <v>142</v>
      </c>
      <c r="E277" s="2" t="s">
        <v>228</v>
      </c>
      <c r="F277" s="2" t="s">
        <v>751</v>
      </c>
      <c r="G277" s="8" t="s">
        <v>595</v>
      </c>
      <c r="H277" s="8" t="s">
        <v>27</v>
      </c>
      <c r="I277" s="2" t="s">
        <v>425</v>
      </c>
      <c r="J277" s="2" t="s">
        <v>752</v>
      </c>
      <c r="K277" s="2" t="s">
        <v>29</v>
      </c>
      <c r="L277" s="2" t="s">
        <v>34</v>
      </c>
      <c r="M277" s="2" t="s">
        <v>116</v>
      </c>
      <c r="N277" s="2" t="s">
        <v>104</v>
      </c>
      <c r="O277" s="2" t="s">
        <v>33</v>
      </c>
      <c r="P277" s="2" t="s">
        <v>34</v>
      </c>
      <c r="Q277" s="2" t="s">
        <v>34</v>
      </c>
      <c r="R277" s="2" t="s">
        <v>35</v>
      </c>
      <c r="S277" s="2" t="s">
        <v>753</v>
      </c>
      <c r="T277" s="2" t="s">
        <v>34</v>
      </c>
      <c r="U277" s="2" t="s">
        <v>34</v>
      </c>
      <c r="V277" s="2" t="s">
        <v>34</v>
      </c>
    </row>
    <row r="278" spans="1:22" x14ac:dyDescent="0.25">
      <c r="A278" s="2" t="s">
        <v>21</v>
      </c>
      <c r="B278" s="3" t="s">
        <v>720</v>
      </c>
      <c r="C278" s="2" t="s">
        <v>721</v>
      </c>
      <c r="D278" s="4" t="s">
        <v>143</v>
      </c>
      <c r="E278" s="2" t="s">
        <v>228</v>
      </c>
      <c r="F278" s="2" t="s">
        <v>754</v>
      </c>
      <c r="G278" s="8" t="s">
        <v>240</v>
      </c>
      <c r="H278" s="8" t="s">
        <v>27</v>
      </c>
      <c r="I278" s="2" t="s">
        <v>425</v>
      </c>
      <c r="J278" s="2" t="s">
        <v>755</v>
      </c>
      <c r="K278" s="2" t="s">
        <v>29</v>
      </c>
      <c r="L278" s="2" t="s">
        <v>30</v>
      </c>
      <c r="M278" s="2" t="s">
        <v>116</v>
      </c>
      <c r="N278" s="2" t="s">
        <v>104</v>
      </c>
      <c r="O278" s="2" t="s">
        <v>33</v>
      </c>
      <c r="P278" s="2" t="s">
        <v>34</v>
      </c>
      <c r="Q278" s="2" t="s">
        <v>34</v>
      </c>
      <c r="R278" s="2" t="s">
        <v>35</v>
      </c>
      <c r="S278" s="2" t="s">
        <v>756</v>
      </c>
      <c r="T278" s="2" t="s">
        <v>34</v>
      </c>
      <c r="U278" s="2" t="s">
        <v>34</v>
      </c>
      <c r="V278" s="2" t="s">
        <v>34</v>
      </c>
    </row>
    <row r="279" spans="1:22" x14ac:dyDescent="0.25">
      <c r="A279" s="2" t="s">
        <v>21</v>
      </c>
      <c r="B279" s="3" t="s">
        <v>720</v>
      </c>
      <c r="C279" s="2" t="s">
        <v>721</v>
      </c>
      <c r="D279" s="4" t="s">
        <v>145</v>
      </c>
      <c r="E279" s="2" t="s">
        <v>42</v>
      </c>
      <c r="F279" s="2" t="s">
        <v>161</v>
      </c>
      <c r="G279" s="8" t="s">
        <v>162</v>
      </c>
      <c r="H279" s="8" t="s">
        <v>45</v>
      </c>
      <c r="I279" s="2" t="s">
        <v>55</v>
      </c>
      <c r="J279" s="2" t="s">
        <v>163</v>
      </c>
      <c r="K279" s="2" t="s">
        <v>29</v>
      </c>
      <c r="L279" s="2" t="s">
        <v>30</v>
      </c>
      <c r="M279" s="2" t="s">
        <v>48</v>
      </c>
      <c r="N279" s="2" t="s">
        <v>49</v>
      </c>
      <c r="O279" s="2" t="s">
        <v>50</v>
      </c>
      <c r="P279" s="2" t="s">
        <v>34</v>
      </c>
      <c r="Q279" s="2" t="s">
        <v>34</v>
      </c>
      <c r="R279" s="2" t="s">
        <v>35</v>
      </c>
      <c r="S279" s="2" t="s">
        <v>164</v>
      </c>
      <c r="T279" s="2" t="s">
        <v>34</v>
      </c>
      <c r="U279" s="2" t="s">
        <v>34</v>
      </c>
      <c r="V279" s="2" t="s">
        <v>34</v>
      </c>
    </row>
    <row r="280" spans="1:22" x14ac:dyDescent="0.25">
      <c r="A280" s="2" t="s">
        <v>21</v>
      </c>
      <c r="B280" s="3" t="s">
        <v>720</v>
      </c>
      <c r="C280" s="2" t="s">
        <v>721</v>
      </c>
      <c r="D280" s="4" t="s">
        <v>150</v>
      </c>
      <c r="E280" s="2" t="s">
        <v>42</v>
      </c>
      <c r="F280" s="2" t="s">
        <v>166</v>
      </c>
      <c r="G280" s="8" t="s">
        <v>167</v>
      </c>
      <c r="H280" s="8" t="s">
        <v>45</v>
      </c>
      <c r="I280" s="2" t="s">
        <v>46</v>
      </c>
      <c r="J280" s="2" t="s">
        <v>168</v>
      </c>
      <c r="K280" s="2" t="s">
        <v>29</v>
      </c>
      <c r="L280" s="2" t="s">
        <v>30</v>
      </c>
      <c r="M280" s="2" t="s">
        <v>48</v>
      </c>
      <c r="N280" s="2" t="s">
        <v>49</v>
      </c>
      <c r="O280" s="2" t="s">
        <v>50</v>
      </c>
      <c r="P280" s="2" t="s">
        <v>34</v>
      </c>
      <c r="Q280" s="2" t="s">
        <v>34</v>
      </c>
      <c r="R280" s="2" t="s">
        <v>35</v>
      </c>
      <c r="S280" s="2" t="s">
        <v>169</v>
      </c>
      <c r="T280" s="2" t="s">
        <v>34</v>
      </c>
      <c r="U280" s="2" t="s">
        <v>34</v>
      </c>
      <c r="V280" s="2" t="s">
        <v>34</v>
      </c>
    </row>
    <row r="281" spans="1:22" x14ac:dyDescent="0.25">
      <c r="A281" s="2" t="s">
        <v>21</v>
      </c>
      <c r="B281" s="3" t="s">
        <v>720</v>
      </c>
      <c r="C281" s="2" t="s">
        <v>721</v>
      </c>
      <c r="D281" s="4" t="s">
        <v>155</v>
      </c>
      <c r="E281" s="2" t="s">
        <v>42</v>
      </c>
      <c r="F281" s="2" t="s">
        <v>171</v>
      </c>
      <c r="G281" s="8" t="s">
        <v>172</v>
      </c>
      <c r="H281" s="8" t="s">
        <v>45</v>
      </c>
      <c r="I281" s="2" t="s">
        <v>46</v>
      </c>
      <c r="J281" s="2" t="s">
        <v>173</v>
      </c>
      <c r="K281" s="2" t="s">
        <v>29</v>
      </c>
      <c r="L281" s="2" t="s">
        <v>30</v>
      </c>
      <c r="M281" s="2" t="s">
        <v>48</v>
      </c>
      <c r="N281" s="2" t="s">
        <v>49</v>
      </c>
      <c r="O281" s="2" t="s">
        <v>50</v>
      </c>
      <c r="P281" s="2" t="s">
        <v>34</v>
      </c>
      <c r="Q281" s="2" t="s">
        <v>34</v>
      </c>
      <c r="R281" s="2" t="s">
        <v>35</v>
      </c>
      <c r="S281" s="2" t="s">
        <v>174</v>
      </c>
      <c r="T281" s="2" t="s">
        <v>34</v>
      </c>
      <c r="U281" s="2" t="s">
        <v>34</v>
      </c>
      <c r="V281" s="2" t="s">
        <v>34</v>
      </c>
    </row>
    <row r="282" spans="1:22" x14ac:dyDescent="0.25">
      <c r="A282" s="2" t="s">
        <v>21</v>
      </c>
      <c r="B282" s="3" t="s">
        <v>720</v>
      </c>
      <c r="C282" s="2" t="s">
        <v>721</v>
      </c>
      <c r="D282" s="4" t="s">
        <v>160</v>
      </c>
      <c r="E282" s="2" t="s">
        <v>42</v>
      </c>
      <c r="F282" s="2" t="s">
        <v>124</v>
      </c>
      <c r="G282" s="8" t="s">
        <v>27</v>
      </c>
      <c r="H282" s="8" t="s">
        <v>45</v>
      </c>
      <c r="I282" s="2" t="s">
        <v>55</v>
      </c>
      <c r="J282" s="2" t="s">
        <v>125</v>
      </c>
      <c r="K282" s="2" t="s">
        <v>29</v>
      </c>
      <c r="L282" s="2" t="s">
        <v>30</v>
      </c>
      <c r="M282" s="2" t="s">
        <v>48</v>
      </c>
      <c r="N282" s="2" t="s">
        <v>49</v>
      </c>
      <c r="O282" s="2" t="s">
        <v>50</v>
      </c>
      <c r="P282" s="2" t="s">
        <v>34</v>
      </c>
      <c r="Q282" s="2" t="s">
        <v>34</v>
      </c>
      <c r="R282" s="2" t="s">
        <v>35</v>
      </c>
      <c r="S282" s="2" t="s">
        <v>126</v>
      </c>
      <c r="T282" s="2" t="s">
        <v>34</v>
      </c>
      <c r="U282" s="2" t="s">
        <v>34</v>
      </c>
      <c r="V282" s="2" t="s">
        <v>34</v>
      </c>
    </row>
    <row r="283" spans="1:22" x14ac:dyDescent="0.25">
      <c r="A283" s="2" t="s">
        <v>21</v>
      </c>
      <c r="B283" s="3" t="s">
        <v>720</v>
      </c>
      <c r="C283" s="2" t="s">
        <v>721</v>
      </c>
      <c r="D283" s="4" t="s">
        <v>165</v>
      </c>
      <c r="E283" s="2" t="s">
        <v>42</v>
      </c>
      <c r="F283" s="2" t="s">
        <v>380</v>
      </c>
      <c r="G283" s="8" t="s">
        <v>381</v>
      </c>
      <c r="H283" s="8" t="s">
        <v>45</v>
      </c>
      <c r="I283" s="2" t="s">
        <v>55</v>
      </c>
      <c r="J283" s="2" t="s">
        <v>34</v>
      </c>
      <c r="K283" s="2" t="s">
        <v>29</v>
      </c>
      <c r="L283" s="2" t="s">
        <v>30</v>
      </c>
      <c r="M283" s="2" t="s">
        <v>48</v>
      </c>
      <c r="N283" s="2" t="s">
        <v>49</v>
      </c>
      <c r="O283" s="2" t="s">
        <v>50</v>
      </c>
      <c r="P283" s="2" t="s">
        <v>34</v>
      </c>
      <c r="Q283" s="2" t="s">
        <v>34</v>
      </c>
      <c r="R283" s="2" t="s">
        <v>35</v>
      </c>
      <c r="S283" s="2" t="s">
        <v>382</v>
      </c>
      <c r="T283" s="2" t="s">
        <v>34</v>
      </c>
      <c r="U283" s="2" t="s">
        <v>34</v>
      </c>
      <c r="V283" s="2" t="s">
        <v>34</v>
      </c>
    </row>
    <row r="284" spans="1:22" x14ac:dyDescent="0.25">
      <c r="A284" s="2" t="s">
        <v>21</v>
      </c>
      <c r="B284" s="3" t="s">
        <v>720</v>
      </c>
      <c r="C284" s="2" t="s">
        <v>721</v>
      </c>
      <c r="D284" s="4" t="s">
        <v>170</v>
      </c>
      <c r="E284" s="2" t="s">
        <v>42</v>
      </c>
      <c r="F284" s="2" t="s">
        <v>383</v>
      </c>
      <c r="G284" s="8" t="s">
        <v>384</v>
      </c>
      <c r="H284" s="8" t="s">
        <v>45</v>
      </c>
      <c r="I284" s="2" t="s">
        <v>46</v>
      </c>
      <c r="J284" s="2" t="s">
        <v>385</v>
      </c>
      <c r="K284" s="2" t="s">
        <v>29</v>
      </c>
      <c r="L284" s="2" t="s">
        <v>30</v>
      </c>
      <c r="M284" s="2" t="s">
        <v>48</v>
      </c>
      <c r="N284" s="2" t="s">
        <v>49</v>
      </c>
      <c r="O284" s="2" t="s">
        <v>50</v>
      </c>
      <c r="P284" s="2" t="s">
        <v>34</v>
      </c>
      <c r="Q284" s="2" t="s">
        <v>34</v>
      </c>
      <c r="R284" s="2" t="s">
        <v>35</v>
      </c>
      <c r="S284" s="2" t="s">
        <v>386</v>
      </c>
      <c r="T284" s="2" t="s">
        <v>34</v>
      </c>
      <c r="U284" s="2" t="s">
        <v>34</v>
      </c>
      <c r="V284" s="2" t="s">
        <v>34</v>
      </c>
    </row>
    <row r="285" spans="1:22" x14ac:dyDescent="0.25">
      <c r="A285" s="2" t="s">
        <v>21</v>
      </c>
      <c r="B285" s="3" t="s">
        <v>720</v>
      </c>
      <c r="C285" s="2" t="s">
        <v>721</v>
      </c>
      <c r="D285" s="4" t="s">
        <v>175</v>
      </c>
      <c r="E285" s="2" t="s">
        <v>42</v>
      </c>
      <c r="F285" s="2" t="s">
        <v>387</v>
      </c>
      <c r="G285" s="8" t="s">
        <v>388</v>
      </c>
      <c r="H285" s="8" t="s">
        <v>45</v>
      </c>
      <c r="I285" s="2" t="s">
        <v>46</v>
      </c>
      <c r="J285" s="2" t="s">
        <v>389</v>
      </c>
      <c r="K285" s="2" t="s">
        <v>29</v>
      </c>
      <c r="L285" s="2" t="s">
        <v>30</v>
      </c>
      <c r="M285" s="2" t="s">
        <v>48</v>
      </c>
      <c r="N285" s="2" t="s">
        <v>49</v>
      </c>
      <c r="O285" s="2" t="s">
        <v>50</v>
      </c>
      <c r="P285" s="2" t="s">
        <v>34</v>
      </c>
      <c r="Q285" s="2" t="s">
        <v>34</v>
      </c>
      <c r="R285" s="2" t="s">
        <v>35</v>
      </c>
      <c r="S285" s="2" t="s">
        <v>390</v>
      </c>
      <c r="T285" s="2" t="s">
        <v>34</v>
      </c>
      <c r="U285" s="2" t="s">
        <v>34</v>
      </c>
      <c r="V285" s="2" t="s">
        <v>34</v>
      </c>
    </row>
    <row r="286" spans="1:22" x14ac:dyDescent="0.25">
      <c r="A286" s="2" t="s">
        <v>21</v>
      </c>
      <c r="B286" s="3" t="s">
        <v>720</v>
      </c>
      <c r="C286" s="2" t="s">
        <v>721</v>
      </c>
      <c r="D286" s="4" t="s">
        <v>455</v>
      </c>
      <c r="E286" s="2" t="s">
        <v>42</v>
      </c>
      <c r="F286" s="2" t="s">
        <v>391</v>
      </c>
      <c r="G286" s="8" t="s">
        <v>392</v>
      </c>
      <c r="H286" s="8" t="s">
        <v>45</v>
      </c>
      <c r="I286" s="2" t="s">
        <v>46</v>
      </c>
      <c r="J286" s="2" t="s">
        <v>393</v>
      </c>
      <c r="K286" s="2" t="s">
        <v>29</v>
      </c>
      <c r="L286" s="2" t="s">
        <v>30</v>
      </c>
      <c r="M286" s="2" t="s">
        <v>48</v>
      </c>
      <c r="N286" s="2" t="s">
        <v>49</v>
      </c>
      <c r="O286" s="2" t="s">
        <v>50</v>
      </c>
      <c r="P286" s="2" t="s">
        <v>34</v>
      </c>
      <c r="Q286" s="2" t="s">
        <v>34</v>
      </c>
      <c r="R286" s="2" t="s">
        <v>35</v>
      </c>
      <c r="S286" s="2" t="s">
        <v>394</v>
      </c>
      <c r="T286" s="2" t="s">
        <v>34</v>
      </c>
      <c r="U286" s="2" t="s">
        <v>34</v>
      </c>
      <c r="V286" s="2" t="s">
        <v>34</v>
      </c>
    </row>
    <row r="287" spans="1:22" x14ac:dyDescent="0.25">
      <c r="A287" s="2" t="s">
        <v>21</v>
      </c>
      <c r="B287" s="3" t="s">
        <v>720</v>
      </c>
      <c r="C287" s="2" t="s">
        <v>721</v>
      </c>
      <c r="D287" s="4" t="s">
        <v>456</v>
      </c>
      <c r="E287" s="2" t="s">
        <v>42</v>
      </c>
      <c r="F287" s="2" t="s">
        <v>395</v>
      </c>
      <c r="G287" s="8" t="s">
        <v>396</v>
      </c>
      <c r="H287" s="8" t="s">
        <v>45</v>
      </c>
      <c r="I287" s="2" t="s">
        <v>46</v>
      </c>
      <c r="J287" s="2" t="s">
        <v>397</v>
      </c>
      <c r="K287" s="2" t="s">
        <v>29</v>
      </c>
      <c r="L287" s="2" t="s">
        <v>30</v>
      </c>
      <c r="M287" s="2" t="s">
        <v>48</v>
      </c>
      <c r="N287" s="2" t="s">
        <v>49</v>
      </c>
      <c r="O287" s="2" t="s">
        <v>50</v>
      </c>
      <c r="P287" s="2" t="s">
        <v>34</v>
      </c>
      <c r="Q287" s="2" t="s">
        <v>34</v>
      </c>
      <c r="R287" s="2" t="s">
        <v>35</v>
      </c>
      <c r="S287" s="2" t="s">
        <v>398</v>
      </c>
      <c r="T287" s="2" t="s">
        <v>34</v>
      </c>
      <c r="U287" s="2" t="s">
        <v>34</v>
      </c>
      <c r="V287" s="2" t="s">
        <v>34</v>
      </c>
    </row>
    <row r="288" spans="1:22" x14ac:dyDescent="0.25">
      <c r="A288" s="2" t="s">
        <v>21</v>
      </c>
      <c r="B288" s="3" t="s">
        <v>720</v>
      </c>
      <c r="C288" s="2" t="s">
        <v>721</v>
      </c>
      <c r="D288" s="4" t="s">
        <v>179</v>
      </c>
      <c r="E288" s="2" t="s">
        <v>42</v>
      </c>
      <c r="F288" s="2" t="s">
        <v>438</v>
      </c>
      <c r="G288" s="8" t="s">
        <v>439</v>
      </c>
      <c r="H288" s="8" t="s">
        <v>45</v>
      </c>
      <c r="I288" s="2" t="s">
        <v>46</v>
      </c>
      <c r="J288" s="2" t="s">
        <v>440</v>
      </c>
      <c r="K288" s="2" t="s">
        <v>29</v>
      </c>
      <c r="L288" s="2" t="s">
        <v>30</v>
      </c>
      <c r="M288" s="2" t="s">
        <v>48</v>
      </c>
      <c r="N288" s="2" t="s">
        <v>49</v>
      </c>
      <c r="O288" s="2" t="s">
        <v>50</v>
      </c>
      <c r="P288" s="2" t="s">
        <v>34</v>
      </c>
      <c r="Q288" s="2" t="s">
        <v>34</v>
      </c>
      <c r="R288" s="2" t="s">
        <v>35</v>
      </c>
      <c r="S288" s="2" t="s">
        <v>441</v>
      </c>
      <c r="T288" s="2" t="s">
        <v>34</v>
      </c>
      <c r="U288" s="2" t="s">
        <v>34</v>
      </c>
      <c r="V288" s="2" t="s">
        <v>34</v>
      </c>
    </row>
    <row r="289" spans="1:22" x14ac:dyDescent="0.25">
      <c r="A289" s="2" t="s">
        <v>21</v>
      </c>
      <c r="B289" s="3" t="s">
        <v>720</v>
      </c>
      <c r="C289" s="2" t="s">
        <v>721</v>
      </c>
      <c r="D289" s="4" t="s">
        <v>463</v>
      </c>
      <c r="E289" s="2" t="s">
        <v>42</v>
      </c>
      <c r="F289" s="2" t="s">
        <v>442</v>
      </c>
      <c r="G289" s="8" t="s">
        <v>181</v>
      </c>
      <c r="H289" s="8" t="s">
        <v>45</v>
      </c>
      <c r="I289" s="2" t="s">
        <v>55</v>
      </c>
      <c r="J289" s="2" t="s">
        <v>443</v>
      </c>
      <c r="K289" s="2" t="s">
        <v>29</v>
      </c>
      <c r="L289" s="2" t="s">
        <v>30</v>
      </c>
      <c r="M289" s="2" t="s">
        <v>48</v>
      </c>
      <c r="N289" s="2" t="s">
        <v>49</v>
      </c>
      <c r="O289" s="2" t="s">
        <v>50</v>
      </c>
      <c r="P289" s="2" t="s">
        <v>34</v>
      </c>
      <c r="Q289" s="2" t="s">
        <v>34</v>
      </c>
      <c r="R289" s="2" t="s">
        <v>35</v>
      </c>
      <c r="S289" s="2" t="s">
        <v>444</v>
      </c>
      <c r="T289" s="2" t="s">
        <v>34</v>
      </c>
      <c r="U289" s="2" t="s">
        <v>34</v>
      </c>
      <c r="V289" s="2" t="s">
        <v>34</v>
      </c>
    </row>
    <row r="290" spans="1:22" x14ac:dyDescent="0.25">
      <c r="A290" s="2" t="s">
        <v>21</v>
      </c>
      <c r="B290" s="3" t="s">
        <v>720</v>
      </c>
      <c r="C290" s="2" t="s">
        <v>721</v>
      </c>
      <c r="D290" s="4" t="s">
        <v>467</v>
      </c>
      <c r="E290" s="2" t="s">
        <v>42</v>
      </c>
      <c r="F290" s="2" t="s">
        <v>445</v>
      </c>
      <c r="G290" s="8" t="s">
        <v>324</v>
      </c>
      <c r="H290" s="8" t="s">
        <v>45</v>
      </c>
      <c r="I290" s="2" t="s">
        <v>46</v>
      </c>
      <c r="J290" s="2" t="s">
        <v>446</v>
      </c>
      <c r="K290" s="2" t="s">
        <v>29</v>
      </c>
      <c r="L290" s="2" t="s">
        <v>30</v>
      </c>
      <c r="M290" s="2" t="s">
        <v>48</v>
      </c>
      <c r="N290" s="2" t="s">
        <v>49</v>
      </c>
      <c r="O290" s="2" t="s">
        <v>50</v>
      </c>
      <c r="P290" s="2" t="s">
        <v>34</v>
      </c>
      <c r="Q290" s="2" t="s">
        <v>34</v>
      </c>
      <c r="R290" s="2" t="s">
        <v>35</v>
      </c>
      <c r="S290" s="2" t="s">
        <v>447</v>
      </c>
      <c r="T290" s="2" t="s">
        <v>34</v>
      </c>
      <c r="U290" s="2" t="s">
        <v>34</v>
      </c>
      <c r="V290" s="2" t="s">
        <v>34</v>
      </c>
    </row>
    <row r="291" spans="1:22" x14ac:dyDescent="0.25">
      <c r="A291" s="2" t="s">
        <v>21</v>
      </c>
      <c r="B291" s="3" t="s">
        <v>720</v>
      </c>
      <c r="C291" s="2" t="s">
        <v>721</v>
      </c>
      <c r="D291" s="4" t="s">
        <v>185</v>
      </c>
      <c r="E291" s="2" t="s">
        <v>42</v>
      </c>
      <c r="F291" s="2" t="s">
        <v>448</v>
      </c>
      <c r="G291" s="8" t="s">
        <v>449</v>
      </c>
      <c r="H291" s="8" t="s">
        <v>45</v>
      </c>
      <c r="I291" s="2" t="s">
        <v>46</v>
      </c>
      <c r="J291" s="2" t="s">
        <v>450</v>
      </c>
      <c r="K291" s="2" t="s">
        <v>29</v>
      </c>
      <c r="L291" s="2" t="s">
        <v>30</v>
      </c>
      <c r="M291" s="2" t="s">
        <v>48</v>
      </c>
      <c r="N291" s="2" t="s">
        <v>49</v>
      </c>
      <c r="O291" s="2" t="s">
        <v>50</v>
      </c>
      <c r="P291" s="2" t="s">
        <v>34</v>
      </c>
      <c r="Q291" s="2" t="s">
        <v>34</v>
      </c>
      <c r="R291" s="2" t="s">
        <v>35</v>
      </c>
      <c r="S291" s="2" t="s">
        <v>451</v>
      </c>
      <c r="T291" s="2" t="s">
        <v>34</v>
      </c>
      <c r="U291" s="2" t="s">
        <v>34</v>
      </c>
      <c r="V291" s="2" t="s">
        <v>34</v>
      </c>
    </row>
    <row r="292" spans="1:22" x14ac:dyDescent="0.25">
      <c r="A292" s="2" t="s">
        <v>21</v>
      </c>
      <c r="B292" s="3" t="s">
        <v>720</v>
      </c>
      <c r="C292" s="2" t="s">
        <v>721</v>
      </c>
      <c r="D292" s="4" t="s">
        <v>474</v>
      </c>
      <c r="E292" s="2" t="s">
        <v>42</v>
      </c>
      <c r="F292" s="2" t="s">
        <v>452</v>
      </c>
      <c r="G292" s="8" t="s">
        <v>453</v>
      </c>
      <c r="H292" s="8" t="s">
        <v>45</v>
      </c>
      <c r="I292" s="2" t="s">
        <v>46</v>
      </c>
      <c r="J292" s="2" t="s">
        <v>34</v>
      </c>
      <c r="K292" s="2" t="s">
        <v>29</v>
      </c>
      <c r="L292" s="2" t="s">
        <v>30</v>
      </c>
      <c r="M292" s="2" t="s">
        <v>48</v>
      </c>
      <c r="N292" s="2" t="s">
        <v>49</v>
      </c>
      <c r="O292" s="2" t="s">
        <v>50</v>
      </c>
      <c r="P292" s="2" t="s">
        <v>34</v>
      </c>
      <c r="Q292" s="2" t="s">
        <v>34</v>
      </c>
      <c r="R292" s="2" t="s">
        <v>35</v>
      </c>
      <c r="S292" s="2" t="s">
        <v>454</v>
      </c>
      <c r="T292" s="2" t="s">
        <v>34</v>
      </c>
      <c r="U292" s="2" t="s">
        <v>34</v>
      </c>
      <c r="V292" s="2" t="s">
        <v>34</v>
      </c>
    </row>
    <row r="293" spans="1:22" x14ac:dyDescent="0.25">
      <c r="A293" s="2" t="s">
        <v>21</v>
      </c>
      <c r="B293" s="3" t="s">
        <v>720</v>
      </c>
      <c r="C293" s="2" t="s">
        <v>721</v>
      </c>
      <c r="D293" s="4" t="s">
        <v>478</v>
      </c>
      <c r="E293" s="2" t="s">
        <v>42</v>
      </c>
      <c r="F293" s="2" t="s">
        <v>128</v>
      </c>
      <c r="G293" s="8" t="s">
        <v>86</v>
      </c>
      <c r="H293" s="8" t="s">
        <v>45</v>
      </c>
      <c r="I293" s="2" t="s">
        <v>46</v>
      </c>
      <c r="J293" s="2" t="s">
        <v>129</v>
      </c>
      <c r="K293" s="2" t="s">
        <v>29</v>
      </c>
      <c r="L293" s="2" t="s">
        <v>30</v>
      </c>
      <c r="M293" s="2" t="s">
        <v>48</v>
      </c>
      <c r="N293" s="2" t="s">
        <v>49</v>
      </c>
      <c r="O293" s="2" t="s">
        <v>50</v>
      </c>
      <c r="P293" s="2" t="s">
        <v>34</v>
      </c>
      <c r="Q293" s="2" t="s">
        <v>34</v>
      </c>
      <c r="R293" s="2" t="s">
        <v>35</v>
      </c>
      <c r="S293" s="2" t="s">
        <v>130</v>
      </c>
      <c r="T293" s="2" t="s">
        <v>34</v>
      </c>
      <c r="U293" s="2" t="s">
        <v>34</v>
      </c>
      <c r="V293" s="2" t="s">
        <v>34</v>
      </c>
    </row>
    <row r="294" spans="1:22" x14ac:dyDescent="0.25">
      <c r="A294" s="2" t="s">
        <v>21</v>
      </c>
      <c r="B294" s="3" t="s">
        <v>720</v>
      </c>
      <c r="C294" s="2" t="s">
        <v>721</v>
      </c>
      <c r="D294" s="4" t="s">
        <v>191</v>
      </c>
      <c r="E294" s="2" t="s">
        <v>84</v>
      </c>
      <c r="F294" s="2" t="s">
        <v>757</v>
      </c>
      <c r="G294" s="8" t="s">
        <v>373</v>
      </c>
      <c r="H294" s="8" t="s">
        <v>86</v>
      </c>
      <c r="I294" s="2" t="s">
        <v>34</v>
      </c>
      <c r="J294" s="2" t="s">
        <v>758</v>
      </c>
      <c r="K294" s="2" t="s">
        <v>29</v>
      </c>
      <c r="L294" s="2" t="s">
        <v>30</v>
      </c>
      <c r="M294" s="2" t="s">
        <v>31</v>
      </c>
      <c r="N294" s="2" t="s">
        <v>49</v>
      </c>
      <c r="O294" s="2" t="s">
        <v>33</v>
      </c>
      <c r="P294" s="2" t="s">
        <v>34</v>
      </c>
      <c r="Q294" s="2" t="s">
        <v>34</v>
      </c>
      <c r="R294" s="2" t="s">
        <v>35</v>
      </c>
      <c r="S294" s="2" t="s">
        <v>759</v>
      </c>
      <c r="T294" s="2" t="s">
        <v>34</v>
      </c>
      <c r="U294" s="2" t="s">
        <v>34</v>
      </c>
      <c r="V294" s="2" t="s">
        <v>34</v>
      </c>
    </row>
    <row r="295" spans="1:22" x14ac:dyDescent="0.25">
      <c r="A295" s="2" t="s">
        <v>21</v>
      </c>
      <c r="B295" s="3" t="s">
        <v>720</v>
      </c>
      <c r="C295" s="2" t="s">
        <v>721</v>
      </c>
      <c r="D295" s="4" t="s">
        <v>196</v>
      </c>
      <c r="E295" s="2" t="s">
        <v>197</v>
      </c>
      <c r="F295" s="2" t="s">
        <v>760</v>
      </c>
      <c r="G295" s="8" t="s">
        <v>167</v>
      </c>
      <c r="H295" s="8" t="s">
        <v>45</v>
      </c>
      <c r="I295" s="2" t="s">
        <v>2003</v>
      </c>
      <c r="J295" s="2" t="s">
        <v>761</v>
      </c>
      <c r="K295" s="2" t="s">
        <v>29</v>
      </c>
      <c r="L295" s="2" t="s">
        <v>30</v>
      </c>
      <c r="M295" s="2" t="s">
        <v>31</v>
      </c>
      <c r="N295" s="2" t="s">
        <v>104</v>
      </c>
      <c r="O295" s="2" t="s">
        <v>33</v>
      </c>
      <c r="P295" s="2" t="s">
        <v>34</v>
      </c>
      <c r="Q295" s="2" t="s">
        <v>34</v>
      </c>
      <c r="R295" s="2" t="s">
        <v>35</v>
      </c>
      <c r="S295" s="2" t="s">
        <v>762</v>
      </c>
      <c r="T295" s="2" t="s">
        <v>34</v>
      </c>
      <c r="U295" s="2" t="s">
        <v>34</v>
      </c>
      <c r="V295" s="2" t="s">
        <v>34</v>
      </c>
    </row>
    <row r="296" spans="1:22" x14ac:dyDescent="0.25">
      <c r="A296" s="2" t="s">
        <v>21</v>
      </c>
      <c r="B296" s="3" t="s">
        <v>720</v>
      </c>
      <c r="C296" s="2" t="s">
        <v>721</v>
      </c>
      <c r="D296" s="4" t="s">
        <v>202</v>
      </c>
      <c r="E296" s="2" t="s">
        <v>99</v>
      </c>
      <c r="F296" s="2" t="s">
        <v>763</v>
      </c>
      <c r="G296" s="8" t="s">
        <v>540</v>
      </c>
      <c r="H296" s="8" t="s">
        <v>27</v>
      </c>
      <c r="I296" s="2" t="s">
        <v>34</v>
      </c>
      <c r="J296" s="2" t="s">
        <v>764</v>
      </c>
      <c r="K296" s="2" t="s">
        <v>29</v>
      </c>
      <c r="L296" s="2" t="s">
        <v>30</v>
      </c>
      <c r="M296" s="2" t="s">
        <v>31</v>
      </c>
      <c r="N296" s="2" t="s">
        <v>183</v>
      </c>
      <c r="O296" s="2" t="s">
        <v>33</v>
      </c>
      <c r="P296" s="2" t="s">
        <v>34</v>
      </c>
      <c r="Q296" s="2" t="s">
        <v>34</v>
      </c>
      <c r="R296" s="2" t="s">
        <v>35</v>
      </c>
      <c r="S296" s="2" t="s">
        <v>765</v>
      </c>
      <c r="T296" s="2" t="s">
        <v>34</v>
      </c>
      <c r="U296" s="2" t="s">
        <v>34</v>
      </c>
      <c r="V296" s="2" t="s">
        <v>34</v>
      </c>
    </row>
    <row r="297" spans="1:22" x14ac:dyDescent="0.25">
      <c r="A297" s="2" t="s">
        <v>21</v>
      </c>
      <c r="B297" s="3" t="s">
        <v>720</v>
      </c>
      <c r="C297" s="2" t="s">
        <v>721</v>
      </c>
      <c r="D297" s="4" t="s">
        <v>492</v>
      </c>
      <c r="E297" s="2" t="s">
        <v>228</v>
      </c>
      <c r="F297" s="2" t="s">
        <v>766</v>
      </c>
      <c r="G297" s="8" t="s">
        <v>381</v>
      </c>
      <c r="H297" s="8" t="s">
        <v>45</v>
      </c>
      <c r="I297" s="2" t="s">
        <v>230</v>
      </c>
      <c r="J297" s="2" t="s">
        <v>767</v>
      </c>
      <c r="K297" s="2" t="s">
        <v>29</v>
      </c>
      <c r="L297" s="2" t="s">
        <v>231</v>
      </c>
      <c r="M297" s="2" t="s">
        <v>116</v>
      </c>
      <c r="N297" s="2" t="s">
        <v>220</v>
      </c>
      <c r="O297" s="2" t="s">
        <v>33</v>
      </c>
      <c r="P297" s="2" t="s">
        <v>34</v>
      </c>
      <c r="Q297" s="2" t="s">
        <v>34</v>
      </c>
      <c r="R297" s="2" t="s">
        <v>35</v>
      </c>
      <c r="S297" s="2" t="s">
        <v>768</v>
      </c>
      <c r="T297" s="2" t="s">
        <v>34</v>
      </c>
      <c r="U297" s="2" t="s">
        <v>34</v>
      </c>
      <c r="V297" s="2" t="s">
        <v>34</v>
      </c>
    </row>
    <row r="298" spans="1:22" x14ac:dyDescent="0.25">
      <c r="A298" s="2" t="s">
        <v>21</v>
      </c>
      <c r="B298" s="3" t="s">
        <v>720</v>
      </c>
      <c r="C298" s="2" t="s">
        <v>721</v>
      </c>
      <c r="D298" s="4" t="s">
        <v>208</v>
      </c>
      <c r="E298" s="2" t="s">
        <v>209</v>
      </c>
      <c r="F298" s="2" t="s">
        <v>769</v>
      </c>
      <c r="G298" s="8" t="s">
        <v>404</v>
      </c>
      <c r="H298" s="8" t="s">
        <v>86</v>
      </c>
      <c r="I298" s="2" t="s">
        <v>34</v>
      </c>
      <c r="J298" s="2" t="s">
        <v>770</v>
      </c>
      <c r="K298" s="2" t="s">
        <v>29</v>
      </c>
      <c r="L298" s="2" t="s">
        <v>30</v>
      </c>
      <c r="M298" s="2" t="s">
        <v>31</v>
      </c>
      <c r="N298" s="2" t="s">
        <v>183</v>
      </c>
      <c r="O298" s="2" t="s">
        <v>189</v>
      </c>
      <c r="P298" s="2" t="s">
        <v>34</v>
      </c>
      <c r="Q298" s="2" t="s">
        <v>34</v>
      </c>
      <c r="R298" s="2" t="s">
        <v>35</v>
      </c>
      <c r="S298" s="2" t="s">
        <v>771</v>
      </c>
      <c r="T298" s="2" t="s">
        <v>34</v>
      </c>
      <c r="U298" s="2" t="s">
        <v>34</v>
      </c>
      <c r="V298" s="2" t="s">
        <v>34</v>
      </c>
    </row>
    <row r="299" spans="1:22" x14ac:dyDescent="0.25">
      <c r="A299" s="2" t="s">
        <v>21</v>
      </c>
      <c r="B299" s="3" t="s">
        <v>720</v>
      </c>
      <c r="C299" s="2" t="s">
        <v>721</v>
      </c>
      <c r="D299" s="4" t="s">
        <v>214</v>
      </c>
      <c r="E299" s="2" t="s">
        <v>215</v>
      </c>
      <c r="F299" s="2" t="s">
        <v>772</v>
      </c>
      <c r="G299" s="8" t="s">
        <v>773</v>
      </c>
      <c r="H299" s="8" t="s">
        <v>86</v>
      </c>
      <c r="I299" s="2" t="s">
        <v>2004</v>
      </c>
      <c r="J299" s="2" t="s">
        <v>774</v>
      </c>
      <c r="K299" s="2" t="s">
        <v>29</v>
      </c>
      <c r="L299" s="2" t="s">
        <v>30</v>
      </c>
      <c r="M299" s="2" t="s">
        <v>31</v>
      </c>
      <c r="N299" s="2" t="s">
        <v>220</v>
      </c>
      <c r="O299" s="2" t="s">
        <v>189</v>
      </c>
      <c r="P299" s="2" t="s">
        <v>34</v>
      </c>
      <c r="Q299" s="2" t="s">
        <v>34</v>
      </c>
      <c r="R299" s="2" t="s">
        <v>35</v>
      </c>
      <c r="S299" s="2" t="s">
        <v>775</v>
      </c>
      <c r="T299" s="2" t="s">
        <v>34</v>
      </c>
      <c r="U299" s="2" t="s">
        <v>34</v>
      </c>
      <c r="V299" s="2" t="s">
        <v>34</v>
      </c>
    </row>
    <row r="300" spans="1:22" x14ac:dyDescent="0.25">
      <c r="A300" s="2" t="s">
        <v>21</v>
      </c>
      <c r="B300" s="3" t="s">
        <v>720</v>
      </c>
      <c r="C300" s="2" t="s">
        <v>721</v>
      </c>
      <c r="D300" s="4" t="s">
        <v>222</v>
      </c>
      <c r="E300" s="2" t="s">
        <v>223</v>
      </c>
      <c r="F300" s="2" t="s">
        <v>224</v>
      </c>
      <c r="G300" s="8" t="s">
        <v>133</v>
      </c>
      <c r="H300" s="8" t="s">
        <v>45</v>
      </c>
      <c r="I300" s="2" t="s">
        <v>34</v>
      </c>
      <c r="J300" s="2" t="s">
        <v>225</v>
      </c>
      <c r="K300" s="2" t="s">
        <v>29</v>
      </c>
      <c r="L300" s="2" t="s">
        <v>30</v>
      </c>
      <c r="M300" s="2" t="s">
        <v>31</v>
      </c>
      <c r="N300" s="2" t="s">
        <v>49</v>
      </c>
      <c r="O300" s="2" t="s">
        <v>33</v>
      </c>
      <c r="P300" s="2" t="s">
        <v>34</v>
      </c>
      <c r="Q300" s="2" t="s">
        <v>34</v>
      </c>
      <c r="R300" s="2" t="s">
        <v>35</v>
      </c>
      <c r="S300" s="2" t="s">
        <v>226</v>
      </c>
      <c r="T300" s="2" t="s">
        <v>34</v>
      </c>
      <c r="U300" s="2" t="s">
        <v>34</v>
      </c>
      <c r="V300" s="2" t="s">
        <v>34</v>
      </c>
    </row>
    <row r="301" spans="1:22" x14ac:dyDescent="0.25">
      <c r="A301" s="2" t="s">
        <v>21</v>
      </c>
      <c r="B301" s="3" t="s">
        <v>720</v>
      </c>
      <c r="C301" s="2" t="s">
        <v>721</v>
      </c>
      <c r="D301" s="4" t="s">
        <v>227</v>
      </c>
      <c r="E301" s="2" t="s">
        <v>42</v>
      </c>
      <c r="F301" s="2" t="s">
        <v>278</v>
      </c>
      <c r="G301" s="8" t="s">
        <v>279</v>
      </c>
      <c r="H301" s="8" t="s">
        <v>45</v>
      </c>
      <c r="I301" s="2" t="s">
        <v>46</v>
      </c>
      <c r="J301" s="2" t="s">
        <v>280</v>
      </c>
      <c r="K301" s="2" t="s">
        <v>29</v>
      </c>
      <c r="L301" s="2" t="s">
        <v>30</v>
      </c>
      <c r="M301" s="2" t="s">
        <v>48</v>
      </c>
      <c r="N301" s="2" t="s">
        <v>49</v>
      </c>
      <c r="O301" s="2" t="s">
        <v>50</v>
      </c>
      <c r="P301" s="2" t="s">
        <v>34</v>
      </c>
      <c r="Q301" s="2" t="s">
        <v>34</v>
      </c>
      <c r="R301" s="2" t="s">
        <v>35</v>
      </c>
      <c r="S301" s="2" t="s">
        <v>281</v>
      </c>
      <c r="T301" s="2" t="s">
        <v>34</v>
      </c>
      <c r="U301" s="2" t="s">
        <v>34</v>
      </c>
      <c r="V301" s="2" t="s">
        <v>34</v>
      </c>
    </row>
    <row r="302" spans="1:22" x14ac:dyDescent="0.25">
      <c r="A302" s="2" t="s">
        <v>21</v>
      </c>
      <c r="B302" s="3" t="s">
        <v>720</v>
      </c>
      <c r="C302" s="2" t="s">
        <v>721</v>
      </c>
      <c r="D302" s="4" t="s">
        <v>508</v>
      </c>
      <c r="E302" s="2" t="s">
        <v>42</v>
      </c>
      <c r="F302" s="2" t="s">
        <v>146</v>
      </c>
      <c r="G302" s="8" t="s">
        <v>147</v>
      </c>
      <c r="H302" s="8" t="s">
        <v>45</v>
      </c>
      <c r="I302" s="2" t="s">
        <v>46</v>
      </c>
      <c r="J302" s="2" t="s">
        <v>148</v>
      </c>
      <c r="K302" s="2" t="s">
        <v>29</v>
      </c>
      <c r="L302" s="2" t="s">
        <v>30</v>
      </c>
      <c r="M302" s="2" t="s">
        <v>48</v>
      </c>
      <c r="N302" s="2" t="s">
        <v>49</v>
      </c>
      <c r="O302" s="2" t="s">
        <v>50</v>
      </c>
      <c r="P302" s="2" t="s">
        <v>34</v>
      </c>
      <c r="Q302" s="2" t="s">
        <v>34</v>
      </c>
      <c r="R302" s="2" t="s">
        <v>35</v>
      </c>
      <c r="S302" s="2" t="s">
        <v>149</v>
      </c>
      <c r="T302" s="2" t="s">
        <v>34</v>
      </c>
      <c r="U302" s="2" t="s">
        <v>34</v>
      </c>
      <c r="V302" s="2" t="s">
        <v>34</v>
      </c>
    </row>
    <row r="303" spans="1:22" x14ac:dyDescent="0.25">
      <c r="A303" s="2" t="s">
        <v>21</v>
      </c>
      <c r="B303" s="3" t="s">
        <v>720</v>
      </c>
      <c r="C303" s="2" t="s">
        <v>721</v>
      </c>
      <c r="D303" s="4" t="s">
        <v>509</v>
      </c>
      <c r="E303" s="2" t="s">
        <v>42</v>
      </c>
      <c r="F303" s="2" t="s">
        <v>74</v>
      </c>
      <c r="G303" s="8" t="s">
        <v>75</v>
      </c>
      <c r="H303" s="8" t="s">
        <v>45</v>
      </c>
      <c r="I303" s="2" t="s">
        <v>46</v>
      </c>
      <c r="J303" s="2" t="s">
        <v>76</v>
      </c>
      <c r="K303" s="2" t="s">
        <v>29</v>
      </c>
      <c r="L303" s="2" t="s">
        <v>30</v>
      </c>
      <c r="M303" s="2" t="s">
        <v>48</v>
      </c>
      <c r="N303" s="2" t="s">
        <v>49</v>
      </c>
      <c r="O303" s="2" t="s">
        <v>50</v>
      </c>
      <c r="P303" s="2" t="s">
        <v>34</v>
      </c>
      <c r="Q303" s="2" t="s">
        <v>34</v>
      </c>
      <c r="R303" s="2" t="s">
        <v>35</v>
      </c>
      <c r="S303" s="2" t="s">
        <v>77</v>
      </c>
      <c r="T303" s="2" t="s">
        <v>34</v>
      </c>
      <c r="U303" s="2" t="s">
        <v>34</v>
      </c>
      <c r="V303" s="2" t="s">
        <v>34</v>
      </c>
    </row>
    <row r="304" spans="1:22" x14ac:dyDescent="0.25">
      <c r="A304" s="2" t="s">
        <v>21</v>
      </c>
      <c r="B304" s="3" t="s">
        <v>720</v>
      </c>
      <c r="C304" s="2" t="s">
        <v>721</v>
      </c>
      <c r="D304" s="4" t="s">
        <v>233</v>
      </c>
      <c r="E304" s="2" t="s">
        <v>84</v>
      </c>
      <c r="F304" s="2" t="s">
        <v>651</v>
      </c>
      <c r="G304" s="8" t="s">
        <v>620</v>
      </c>
      <c r="H304" s="8" t="s">
        <v>86</v>
      </c>
      <c r="I304" s="2" t="s">
        <v>34</v>
      </c>
      <c r="J304" s="2" t="s">
        <v>652</v>
      </c>
      <c r="K304" s="2" t="s">
        <v>29</v>
      </c>
      <c r="L304" s="2" t="s">
        <v>30</v>
      </c>
      <c r="M304" s="2" t="s">
        <v>31</v>
      </c>
      <c r="N304" s="2" t="s">
        <v>49</v>
      </c>
      <c r="O304" s="2" t="s">
        <v>33</v>
      </c>
      <c r="P304" s="2" t="s">
        <v>34</v>
      </c>
      <c r="Q304" s="2" t="s">
        <v>34</v>
      </c>
      <c r="R304" s="2" t="s">
        <v>35</v>
      </c>
      <c r="S304" s="2" t="s">
        <v>653</v>
      </c>
      <c r="T304" s="2" t="s">
        <v>34</v>
      </c>
      <c r="U304" s="2" t="s">
        <v>34</v>
      </c>
      <c r="V304" s="2"/>
    </row>
    <row r="305" spans="1:22" x14ac:dyDescent="0.25">
      <c r="A305" s="2" t="s">
        <v>21</v>
      </c>
      <c r="B305" s="3" t="s">
        <v>720</v>
      </c>
      <c r="C305" s="2" t="s">
        <v>721</v>
      </c>
      <c r="D305" s="4" t="s">
        <v>238</v>
      </c>
      <c r="E305" s="2" t="s">
        <v>197</v>
      </c>
      <c r="F305" s="2" t="s">
        <v>776</v>
      </c>
      <c r="G305" s="8" t="s">
        <v>683</v>
      </c>
      <c r="H305" s="8" t="s">
        <v>27</v>
      </c>
      <c r="I305" s="2" t="s">
        <v>512</v>
      </c>
      <c r="J305" s="2" t="s">
        <v>34</v>
      </c>
      <c r="K305" s="2" t="s">
        <v>29</v>
      </c>
      <c r="L305" s="2" t="s">
        <v>30</v>
      </c>
      <c r="M305" s="2" t="s">
        <v>31</v>
      </c>
      <c r="N305" s="2" t="s">
        <v>183</v>
      </c>
      <c r="O305" s="2" t="s">
        <v>33</v>
      </c>
      <c r="P305" s="2" t="s">
        <v>34</v>
      </c>
      <c r="Q305" s="2" t="s">
        <v>34</v>
      </c>
      <c r="R305" s="2" t="s">
        <v>35</v>
      </c>
      <c r="S305" s="2" t="s">
        <v>778</v>
      </c>
      <c r="T305" s="2" t="s">
        <v>34</v>
      </c>
      <c r="U305" s="2" t="s">
        <v>34</v>
      </c>
      <c r="V305" s="2"/>
    </row>
    <row r="306" spans="1:22" x14ac:dyDescent="0.25">
      <c r="A306" s="2" t="s">
        <v>21</v>
      </c>
      <c r="B306" s="3" t="s">
        <v>720</v>
      </c>
      <c r="C306" s="2" t="s">
        <v>721</v>
      </c>
      <c r="D306" s="4" t="s">
        <v>244</v>
      </c>
      <c r="E306" s="2" t="s">
        <v>99</v>
      </c>
      <c r="F306" s="2" t="s">
        <v>779</v>
      </c>
      <c r="G306" s="8" t="s">
        <v>240</v>
      </c>
      <c r="H306" s="8" t="s">
        <v>27</v>
      </c>
      <c r="I306" s="2" t="s">
        <v>34</v>
      </c>
      <c r="J306" s="2" t="s">
        <v>780</v>
      </c>
      <c r="K306" s="2" t="s">
        <v>29</v>
      </c>
      <c r="L306" s="2" t="s">
        <v>30</v>
      </c>
      <c r="M306" s="2" t="s">
        <v>31</v>
      </c>
      <c r="N306" s="2" t="s">
        <v>183</v>
      </c>
      <c r="O306" s="2" t="s">
        <v>33</v>
      </c>
      <c r="P306" s="2" t="s">
        <v>34</v>
      </c>
      <c r="Q306" s="2" t="s">
        <v>34</v>
      </c>
      <c r="R306" s="2" t="s">
        <v>35</v>
      </c>
      <c r="S306" s="2" t="s">
        <v>781</v>
      </c>
      <c r="T306" s="2" t="s">
        <v>34</v>
      </c>
      <c r="U306" s="2" t="s">
        <v>34</v>
      </c>
      <c r="V306" s="2" t="s">
        <v>34</v>
      </c>
    </row>
    <row r="307" spans="1:22" x14ac:dyDescent="0.25">
      <c r="A307" s="2" t="s">
        <v>21</v>
      </c>
      <c r="B307" s="3" t="s">
        <v>720</v>
      </c>
      <c r="C307" s="2" t="s">
        <v>721</v>
      </c>
      <c r="D307" s="4" t="s">
        <v>251</v>
      </c>
      <c r="E307" s="2" t="s">
        <v>228</v>
      </c>
      <c r="F307" s="2" t="s">
        <v>782</v>
      </c>
      <c r="G307" s="8" t="s">
        <v>683</v>
      </c>
      <c r="H307" s="8" t="s">
        <v>27</v>
      </c>
      <c r="I307" s="2" t="s">
        <v>425</v>
      </c>
      <c r="J307" s="2" t="s">
        <v>783</v>
      </c>
      <c r="K307" s="2" t="s">
        <v>29</v>
      </c>
      <c r="L307" s="2" t="s">
        <v>34</v>
      </c>
      <c r="M307" s="2" t="s">
        <v>116</v>
      </c>
      <c r="N307" s="2" t="s">
        <v>104</v>
      </c>
      <c r="O307" s="2" t="s">
        <v>33</v>
      </c>
      <c r="P307" s="2" t="s">
        <v>34</v>
      </c>
      <c r="Q307" s="2" t="s">
        <v>34</v>
      </c>
      <c r="R307" s="2" t="s">
        <v>35</v>
      </c>
      <c r="S307" s="2" t="s">
        <v>784</v>
      </c>
      <c r="T307" s="2" t="s">
        <v>34</v>
      </c>
      <c r="U307" s="2" t="s">
        <v>34</v>
      </c>
      <c r="V307" s="2" t="s">
        <v>34</v>
      </c>
    </row>
    <row r="308" spans="1:22" x14ac:dyDescent="0.25">
      <c r="A308" s="2" t="s">
        <v>21</v>
      </c>
      <c r="B308" s="3" t="s">
        <v>720</v>
      </c>
      <c r="C308" s="2" t="s">
        <v>721</v>
      </c>
      <c r="D308" s="4" t="s">
        <v>255</v>
      </c>
      <c r="E308" s="2" t="s">
        <v>223</v>
      </c>
      <c r="F308" s="2" t="s">
        <v>224</v>
      </c>
      <c r="G308" s="8" t="s">
        <v>133</v>
      </c>
      <c r="H308" s="8" t="s">
        <v>45</v>
      </c>
      <c r="I308" s="2" t="s">
        <v>34</v>
      </c>
      <c r="J308" s="2" t="s">
        <v>225</v>
      </c>
      <c r="K308" s="2" t="s">
        <v>29</v>
      </c>
      <c r="L308" s="2" t="s">
        <v>30</v>
      </c>
      <c r="M308" s="2" t="s">
        <v>31</v>
      </c>
      <c r="N308" s="2" t="s">
        <v>49</v>
      </c>
      <c r="O308" s="2" t="s">
        <v>33</v>
      </c>
      <c r="P308" s="2" t="s">
        <v>34</v>
      </c>
      <c r="Q308" s="2" t="s">
        <v>34</v>
      </c>
      <c r="R308" s="2" t="s">
        <v>35</v>
      </c>
      <c r="S308" s="2" t="s">
        <v>226</v>
      </c>
      <c r="T308" s="2" t="s">
        <v>34</v>
      </c>
      <c r="U308" s="2" t="s">
        <v>34</v>
      </c>
      <c r="V308" s="2" t="s">
        <v>34</v>
      </c>
    </row>
    <row r="309" spans="1:22" x14ac:dyDescent="0.25">
      <c r="A309" s="2" t="s">
        <v>21</v>
      </c>
      <c r="B309" s="3" t="s">
        <v>720</v>
      </c>
      <c r="C309" s="2" t="s">
        <v>721</v>
      </c>
      <c r="D309" s="4" t="s">
        <v>259</v>
      </c>
      <c r="E309" s="2" t="s">
        <v>215</v>
      </c>
      <c r="F309" s="2" t="s">
        <v>785</v>
      </c>
      <c r="G309" s="8" t="s">
        <v>786</v>
      </c>
      <c r="H309" s="8" t="s">
        <v>133</v>
      </c>
      <c r="I309" s="2" t="s">
        <v>204</v>
      </c>
      <c r="J309" s="2" t="s">
        <v>787</v>
      </c>
      <c r="K309" s="2" t="s">
        <v>29</v>
      </c>
      <c r="L309" s="2" t="s">
        <v>30</v>
      </c>
      <c r="M309" s="2" t="s">
        <v>31</v>
      </c>
      <c r="N309" s="2" t="s">
        <v>525</v>
      </c>
      <c r="O309" s="2" t="s">
        <v>189</v>
      </c>
      <c r="P309" s="2" t="s">
        <v>34</v>
      </c>
      <c r="Q309" s="2" t="s">
        <v>34</v>
      </c>
      <c r="R309" s="2" t="s">
        <v>35</v>
      </c>
      <c r="S309" s="2" t="s">
        <v>788</v>
      </c>
      <c r="T309" s="2" t="s">
        <v>34</v>
      </c>
      <c r="U309" s="2" t="s">
        <v>34</v>
      </c>
      <c r="V309" s="2" t="s">
        <v>34</v>
      </c>
    </row>
    <row r="310" spans="1:22" x14ac:dyDescent="0.25">
      <c r="A310" s="2" t="s">
        <v>21</v>
      </c>
      <c r="B310" s="3" t="s">
        <v>720</v>
      </c>
      <c r="C310" s="2" t="s">
        <v>721</v>
      </c>
      <c r="D310" s="4" t="s">
        <v>263</v>
      </c>
      <c r="E310" s="2" t="s">
        <v>1874</v>
      </c>
      <c r="F310" s="2" t="s">
        <v>2005</v>
      </c>
      <c r="G310" s="8" t="s">
        <v>65</v>
      </c>
      <c r="H310" s="8" t="s">
        <v>27</v>
      </c>
      <c r="I310" s="2" t="s">
        <v>34</v>
      </c>
      <c r="J310" s="2" t="s">
        <v>34</v>
      </c>
      <c r="K310" s="2" t="s">
        <v>29</v>
      </c>
      <c r="L310" s="2" t="s">
        <v>30</v>
      </c>
      <c r="M310" s="2" t="s">
        <v>31</v>
      </c>
      <c r="N310" s="2" t="s">
        <v>183</v>
      </c>
      <c r="O310" s="2" t="s">
        <v>1702</v>
      </c>
      <c r="P310" s="2" t="s">
        <v>34</v>
      </c>
      <c r="Q310" s="2" t="s">
        <v>34</v>
      </c>
      <c r="R310" s="2" t="s">
        <v>35</v>
      </c>
      <c r="S310" s="2" t="s">
        <v>2006</v>
      </c>
      <c r="T310" s="2" t="s">
        <v>34</v>
      </c>
      <c r="U310" s="2" t="s">
        <v>34</v>
      </c>
      <c r="V310" s="2" t="s">
        <v>34</v>
      </c>
    </row>
    <row r="311" spans="1:22" x14ac:dyDescent="0.25">
      <c r="A311" s="2" t="s">
        <v>21</v>
      </c>
      <c r="B311" s="3" t="s">
        <v>720</v>
      </c>
      <c r="C311" s="2" t="s">
        <v>721</v>
      </c>
      <c r="D311" s="4" t="s">
        <v>527</v>
      </c>
      <c r="E311" s="2" t="s">
        <v>245</v>
      </c>
      <c r="F311" s="2" t="s">
        <v>355</v>
      </c>
      <c r="G311" s="8" t="s">
        <v>101</v>
      </c>
      <c r="H311" s="8" t="s">
        <v>45</v>
      </c>
      <c r="I311" s="2" t="s">
        <v>247</v>
      </c>
      <c r="J311" s="2" t="s">
        <v>356</v>
      </c>
      <c r="K311" s="2" t="s">
        <v>29</v>
      </c>
      <c r="L311" s="2" t="s">
        <v>30</v>
      </c>
      <c r="M311" s="2" t="s">
        <v>116</v>
      </c>
      <c r="N311" s="2" t="s">
        <v>183</v>
      </c>
      <c r="O311" s="2" t="s">
        <v>249</v>
      </c>
      <c r="P311" s="2" t="s">
        <v>34</v>
      </c>
      <c r="Q311" s="2" t="s">
        <v>34</v>
      </c>
      <c r="R311" s="2" t="s">
        <v>35</v>
      </c>
      <c r="S311" s="2" t="s">
        <v>357</v>
      </c>
      <c r="T311" s="2" t="s">
        <v>34</v>
      </c>
      <c r="U311" s="2" t="s">
        <v>34</v>
      </c>
      <c r="V311" s="2" t="s">
        <v>34</v>
      </c>
    </row>
    <row r="312" spans="1:22" x14ac:dyDescent="0.25">
      <c r="A312" s="2"/>
      <c r="B312" s="3"/>
      <c r="C312" s="2"/>
      <c r="D312" s="4"/>
      <c r="E312" s="5" t="s">
        <v>267</v>
      </c>
      <c r="F312" s="2"/>
      <c r="I312" s="2"/>
      <c r="J312" s="2"/>
      <c r="K312" s="2"/>
      <c r="L312" s="2"/>
      <c r="M312" s="2"/>
      <c r="N312" s="2"/>
      <c r="O312" s="2"/>
      <c r="P312" s="2"/>
      <c r="Q312" s="2"/>
      <c r="R312" s="2"/>
      <c r="S312" s="2"/>
      <c r="T312" s="2"/>
      <c r="U312" s="2"/>
      <c r="V312" s="2" t="s">
        <v>34</v>
      </c>
    </row>
    <row r="313" spans="1:22" x14ac:dyDescent="0.25">
      <c r="A313" s="2"/>
      <c r="B313" s="3"/>
      <c r="C313" s="2"/>
      <c r="D313" s="4"/>
      <c r="E313" s="5"/>
      <c r="F313" s="2"/>
      <c r="I313" s="2"/>
      <c r="J313" s="2"/>
      <c r="K313" s="2"/>
      <c r="L313" s="2"/>
      <c r="M313" s="2"/>
      <c r="N313" s="2"/>
      <c r="O313" s="2"/>
      <c r="P313" s="2"/>
      <c r="Q313" s="2"/>
      <c r="R313" s="2"/>
      <c r="S313" s="2"/>
      <c r="T313" s="2"/>
      <c r="U313" s="2"/>
      <c r="V313" s="2" t="s">
        <v>34</v>
      </c>
    </row>
    <row r="314" spans="1:22" x14ac:dyDescent="0.25">
      <c r="A314" s="2" t="s">
        <v>21</v>
      </c>
      <c r="B314" s="3" t="s">
        <v>789</v>
      </c>
      <c r="C314" s="2" t="s">
        <v>790</v>
      </c>
      <c r="D314" s="4" t="s">
        <v>24</v>
      </c>
      <c r="E314" s="2" t="s">
        <v>25</v>
      </c>
      <c r="F314" s="2" t="s">
        <v>791</v>
      </c>
      <c r="G314" s="8" t="s">
        <v>683</v>
      </c>
      <c r="H314" s="8" t="s">
        <v>27</v>
      </c>
      <c r="I314" s="2" t="s">
        <v>1724</v>
      </c>
      <c r="J314" s="2" t="s">
        <v>792</v>
      </c>
      <c r="K314" s="2" t="s">
        <v>29</v>
      </c>
      <c r="L314" s="2" t="s">
        <v>30</v>
      </c>
      <c r="M314" s="2" t="s">
        <v>31</v>
      </c>
      <c r="N314" s="2" t="s">
        <v>32</v>
      </c>
      <c r="O314" s="2" t="s">
        <v>33</v>
      </c>
      <c r="P314" s="2" t="s">
        <v>34</v>
      </c>
      <c r="Q314" s="2" t="s">
        <v>34</v>
      </c>
      <c r="R314" s="2" t="s">
        <v>35</v>
      </c>
      <c r="S314" s="2" t="s">
        <v>793</v>
      </c>
      <c r="T314" s="2" t="s">
        <v>34</v>
      </c>
      <c r="U314" s="2" t="s">
        <v>34</v>
      </c>
      <c r="V314" s="2" t="s">
        <v>34</v>
      </c>
    </row>
    <row r="315" spans="1:22" x14ac:dyDescent="0.25">
      <c r="A315" s="2" t="s">
        <v>21</v>
      </c>
      <c r="B315" s="3" t="s">
        <v>789</v>
      </c>
      <c r="C315" s="2" t="s">
        <v>790</v>
      </c>
      <c r="D315" s="4" t="s">
        <v>36</v>
      </c>
      <c r="E315" s="2" t="s">
        <v>25</v>
      </c>
      <c r="F315" s="2" t="s">
        <v>794</v>
      </c>
      <c r="G315" s="8" t="s">
        <v>679</v>
      </c>
      <c r="H315" s="8" t="s">
        <v>27</v>
      </c>
      <c r="I315" s="2" t="s">
        <v>275</v>
      </c>
      <c r="J315" s="2" t="s">
        <v>795</v>
      </c>
      <c r="K315" s="2" t="s">
        <v>29</v>
      </c>
      <c r="L315" s="2" t="s">
        <v>30</v>
      </c>
      <c r="M315" s="2" t="s">
        <v>31</v>
      </c>
      <c r="N315" s="2" t="s">
        <v>32</v>
      </c>
      <c r="O315" s="2" t="s">
        <v>33</v>
      </c>
      <c r="P315" s="2" t="s">
        <v>34</v>
      </c>
      <c r="Q315" s="2" t="s">
        <v>34</v>
      </c>
      <c r="R315" s="2" t="s">
        <v>35</v>
      </c>
      <c r="S315" s="2" t="s">
        <v>796</v>
      </c>
      <c r="T315" s="2" t="s">
        <v>34</v>
      </c>
      <c r="U315" s="2" t="s">
        <v>34</v>
      </c>
      <c r="V315" s="2" t="s">
        <v>34</v>
      </c>
    </row>
    <row r="316" spans="1:22" x14ac:dyDescent="0.25">
      <c r="A316" s="2" t="s">
        <v>21</v>
      </c>
      <c r="B316" s="3" t="s">
        <v>789</v>
      </c>
      <c r="C316" s="2" t="s">
        <v>790</v>
      </c>
      <c r="D316" s="4" t="s">
        <v>41</v>
      </c>
      <c r="E316" s="2" t="s">
        <v>42</v>
      </c>
      <c r="F316" s="2" t="s">
        <v>587</v>
      </c>
      <c r="G316" s="8" t="s">
        <v>489</v>
      </c>
      <c r="H316" s="8" t="s">
        <v>45</v>
      </c>
      <c r="I316" s="2" t="s">
        <v>46</v>
      </c>
      <c r="J316" s="2" t="s">
        <v>588</v>
      </c>
      <c r="K316" s="2" t="s">
        <v>29</v>
      </c>
      <c r="L316" s="2" t="s">
        <v>30</v>
      </c>
      <c r="M316" s="2" t="s">
        <v>48</v>
      </c>
      <c r="N316" s="2" t="s">
        <v>49</v>
      </c>
      <c r="O316" s="2" t="s">
        <v>50</v>
      </c>
      <c r="P316" s="2" t="s">
        <v>34</v>
      </c>
      <c r="Q316" s="2" t="s">
        <v>34</v>
      </c>
      <c r="R316" s="2" t="s">
        <v>35</v>
      </c>
      <c r="S316" s="2" t="s">
        <v>589</v>
      </c>
      <c r="T316" s="2" t="s">
        <v>34</v>
      </c>
      <c r="U316" s="2" t="s">
        <v>34</v>
      </c>
      <c r="V316" s="2" t="s">
        <v>34</v>
      </c>
    </row>
    <row r="317" spans="1:22" x14ac:dyDescent="0.25">
      <c r="A317" s="2" t="s">
        <v>21</v>
      </c>
      <c r="B317" s="3" t="s">
        <v>789</v>
      </c>
      <c r="C317" s="2" t="s">
        <v>790</v>
      </c>
      <c r="D317" s="4" t="s">
        <v>52</v>
      </c>
      <c r="E317" s="2" t="s">
        <v>42</v>
      </c>
      <c r="F317" s="2" t="s">
        <v>590</v>
      </c>
      <c r="G317" s="8" t="s">
        <v>591</v>
      </c>
      <c r="H317" s="8" t="s">
        <v>45</v>
      </c>
      <c r="I317" s="2" t="s">
        <v>46</v>
      </c>
      <c r="J317" s="2" t="s">
        <v>592</v>
      </c>
      <c r="K317" s="2" t="s">
        <v>29</v>
      </c>
      <c r="L317" s="2" t="s">
        <v>30</v>
      </c>
      <c r="M317" s="2" t="s">
        <v>48</v>
      </c>
      <c r="N317" s="2" t="s">
        <v>49</v>
      </c>
      <c r="O317" s="2" t="s">
        <v>50</v>
      </c>
      <c r="P317" s="2" t="s">
        <v>34</v>
      </c>
      <c r="Q317" s="2" t="s">
        <v>34</v>
      </c>
      <c r="R317" s="2" t="s">
        <v>35</v>
      </c>
      <c r="S317" s="2" t="s">
        <v>593</v>
      </c>
      <c r="T317" s="2" t="s">
        <v>34</v>
      </c>
      <c r="U317" s="2" t="s">
        <v>34</v>
      </c>
      <c r="V317" s="2" t="s">
        <v>34</v>
      </c>
    </row>
    <row r="318" spans="1:22" x14ac:dyDescent="0.25">
      <c r="A318" s="2" t="s">
        <v>21</v>
      </c>
      <c r="B318" s="3" t="s">
        <v>789</v>
      </c>
      <c r="C318" s="2" t="s">
        <v>790</v>
      </c>
      <c r="D318" s="4" t="s">
        <v>58</v>
      </c>
      <c r="E318" s="2" t="s">
        <v>42</v>
      </c>
      <c r="F318" s="2" t="s">
        <v>594</v>
      </c>
      <c r="G318" s="8" t="s">
        <v>595</v>
      </c>
      <c r="H318" s="8" t="s">
        <v>45</v>
      </c>
      <c r="I318" s="2" t="s">
        <v>55</v>
      </c>
      <c r="J318" s="2" t="s">
        <v>596</v>
      </c>
      <c r="K318" s="2" t="s">
        <v>29</v>
      </c>
      <c r="L318" s="2" t="s">
        <v>30</v>
      </c>
      <c r="M318" s="2" t="s">
        <v>48</v>
      </c>
      <c r="N318" s="2" t="s">
        <v>49</v>
      </c>
      <c r="O318" s="2" t="s">
        <v>50</v>
      </c>
      <c r="P318" s="2" t="s">
        <v>34</v>
      </c>
      <c r="Q318" s="2" t="s">
        <v>34</v>
      </c>
      <c r="R318" s="2" t="s">
        <v>35</v>
      </c>
      <c r="S318" s="2" t="s">
        <v>597</v>
      </c>
      <c r="T318" s="2" t="s">
        <v>34</v>
      </c>
      <c r="U318" s="2" t="s">
        <v>34</v>
      </c>
      <c r="V318" s="2" t="s">
        <v>34</v>
      </c>
    </row>
    <row r="319" spans="1:22" x14ac:dyDescent="0.25">
      <c r="A319" s="2" t="s">
        <v>21</v>
      </c>
      <c r="B319" s="3" t="s">
        <v>789</v>
      </c>
      <c r="C319" s="2" t="s">
        <v>790</v>
      </c>
      <c r="D319" s="4" t="s">
        <v>63</v>
      </c>
      <c r="E319" s="2" t="s">
        <v>42</v>
      </c>
      <c r="F319" s="2" t="s">
        <v>598</v>
      </c>
      <c r="G319" s="8" t="s">
        <v>240</v>
      </c>
      <c r="H319" s="8" t="s">
        <v>45</v>
      </c>
      <c r="I319" s="2" t="s">
        <v>55</v>
      </c>
      <c r="J319" s="2" t="s">
        <v>599</v>
      </c>
      <c r="K319" s="2" t="s">
        <v>29</v>
      </c>
      <c r="L319" s="2" t="s">
        <v>30</v>
      </c>
      <c r="M319" s="2" t="s">
        <v>48</v>
      </c>
      <c r="N319" s="2" t="s">
        <v>49</v>
      </c>
      <c r="O319" s="2" t="s">
        <v>50</v>
      </c>
      <c r="P319" s="2" t="s">
        <v>34</v>
      </c>
      <c r="Q319" s="2" t="s">
        <v>34</v>
      </c>
      <c r="R319" s="2" t="s">
        <v>35</v>
      </c>
      <c r="S319" s="2" t="s">
        <v>600</v>
      </c>
      <c r="T319" s="2" t="s">
        <v>34</v>
      </c>
      <c r="U319" s="2" t="s">
        <v>34</v>
      </c>
      <c r="V319" s="2" t="s">
        <v>34</v>
      </c>
    </row>
    <row r="320" spans="1:22" x14ac:dyDescent="0.25">
      <c r="A320" s="2" t="s">
        <v>21</v>
      </c>
      <c r="B320" s="3" t="s">
        <v>789</v>
      </c>
      <c r="C320" s="2" t="s">
        <v>790</v>
      </c>
      <c r="D320" s="4" t="s">
        <v>68</v>
      </c>
      <c r="E320" s="2" t="s">
        <v>42</v>
      </c>
      <c r="F320" s="2" t="s">
        <v>601</v>
      </c>
      <c r="G320" s="8" t="s">
        <v>351</v>
      </c>
      <c r="H320" s="8" t="s">
        <v>45</v>
      </c>
      <c r="I320" s="2" t="s">
        <v>46</v>
      </c>
      <c r="J320" s="2" t="s">
        <v>602</v>
      </c>
      <c r="K320" s="2" t="s">
        <v>29</v>
      </c>
      <c r="L320" s="2" t="s">
        <v>30</v>
      </c>
      <c r="M320" s="2" t="s">
        <v>48</v>
      </c>
      <c r="N320" s="2" t="s">
        <v>49</v>
      </c>
      <c r="O320" s="2" t="s">
        <v>50</v>
      </c>
      <c r="P320" s="2" t="s">
        <v>34</v>
      </c>
      <c r="Q320" s="2" t="s">
        <v>34</v>
      </c>
      <c r="R320" s="2" t="s">
        <v>35</v>
      </c>
      <c r="S320" s="2" t="s">
        <v>603</v>
      </c>
      <c r="T320" s="2" t="s">
        <v>34</v>
      </c>
      <c r="U320" s="2" t="s">
        <v>34</v>
      </c>
      <c r="V320" s="2" t="s">
        <v>34</v>
      </c>
    </row>
    <row r="321" spans="1:22" x14ac:dyDescent="0.25">
      <c r="A321" s="2" t="s">
        <v>21</v>
      </c>
      <c r="B321" s="3" t="s">
        <v>789</v>
      </c>
      <c r="C321" s="2" t="s">
        <v>790</v>
      </c>
      <c r="D321" s="4" t="s">
        <v>73</v>
      </c>
      <c r="E321" s="2" t="s">
        <v>42</v>
      </c>
      <c r="F321" s="2" t="s">
        <v>604</v>
      </c>
      <c r="G321" s="8" t="s">
        <v>511</v>
      </c>
      <c r="H321" s="8" t="s">
        <v>45</v>
      </c>
      <c r="I321" s="2" t="s">
        <v>46</v>
      </c>
      <c r="J321" s="2" t="s">
        <v>605</v>
      </c>
      <c r="K321" s="2" t="s">
        <v>29</v>
      </c>
      <c r="L321" s="2" t="s">
        <v>30</v>
      </c>
      <c r="M321" s="2" t="s">
        <v>48</v>
      </c>
      <c r="N321" s="2" t="s">
        <v>49</v>
      </c>
      <c r="O321" s="2" t="s">
        <v>50</v>
      </c>
      <c r="P321" s="2" t="s">
        <v>34</v>
      </c>
      <c r="Q321" s="2" t="s">
        <v>34</v>
      </c>
      <c r="R321" s="2" t="s">
        <v>35</v>
      </c>
      <c r="S321" s="2" t="s">
        <v>606</v>
      </c>
      <c r="T321" s="2" t="s">
        <v>34</v>
      </c>
      <c r="U321" s="2" t="s">
        <v>34</v>
      </c>
      <c r="V321" s="2" t="s">
        <v>34</v>
      </c>
    </row>
    <row r="322" spans="1:22" x14ac:dyDescent="0.25">
      <c r="A322" s="2" t="s">
        <v>21</v>
      </c>
      <c r="B322" s="3" t="s">
        <v>789</v>
      </c>
      <c r="C322" s="2" t="s">
        <v>790</v>
      </c>
      <c r="D322" s="4" t="s">
        <v>78</v>
      </c>
      <c r="E322" s="2" t="s">
        <v>25</v>
      </c>
      <c r="F322" s="2" t="s">
        <v>797</v>
      </c>
      <c r="G322" s="8" t="s">
        <v>453</v>
      </c>
      <c r="H322" s="8" t="s">
        <v>27</v>
      </c>
      <c r="I322" s="2" t="s">
        <v>2007</v>
      </c>
      <c r="J322" s="2" t="s">
        <v>798</v>
      </c>
      <c r="K322" s="2" t="s">
        <v>29</v>
      </c>
      <c r="L322" s="2" t="s">
        <v>30</v>
      </c>
      <c r="M322" s="2" t="s">
        <v>31</v>
      </c>
      <c r="N322" s="2" t="s">
        <v>32</v>
      </c>
      <c r="O322" s="2" t="s">
        <v>799</v>
      </c>
      <c r="P322" s="2" t="s">
        <v>34</v>
      </c>
      <c r="Q322" s="2" t="s">
        <v>34</v>
      </c>
      <c r="R322" s="2" t="s">
        <v>35</v>
      </c>
      <c r="S322" s="2" t="s">
        <v>800</v>
      </c>
      <c r="T322" s="2" t="s">
        <v>34</v>
      </c>
      <c r="U322" s="2" t="s">
        <v>34</v>
      </c>
      <c r="V322" s="2" t="s">
        <v>34</v>
      </c>
    </row>
    <row r="323" spans="1:22" x14ac:dyDescent="0.25">
      <c r="A323" s="2" t="s">
        <v>21</v>
      </c>
      <c r="B323" s="3" t="s">
        <v>789</v>
      </c>
      <c r="C323" s="2" t="s">
        <v>790</v>
      </c>
      <c r="D323" s="4" t="s">
        <v>83</v>
      </c>
      <c r="E323" s="2" t="s">
        <v>84</v>
      </c>
      <c r="F323" s="2" t="s">
        <v>330</v>
      </c>
      <c r="G323" s="8" t="s">
        <v>211</v>
      </c>
      <c r="H323" s="8" t="s">
        <v>86</v>
      </c>
      <c r="I323" s="2" t="s">
        <v>34</v>
      </c>
      <c r="J323" s="2" t="s">
        <v>34</v>
      </c>
      <c r="K323" s="2" t="s">
        <v>29</v>
      </c>
      <c r="L323" s="2" t="s">
        <v>30</v>
      </c>
      <c r="M323" s="2" t="s">
        <v>31</v>
      </c>
      <c r="N323" s="2" t="s">
        <v>49</v>
      </c>
      <c r="O323" s="2" t="s">
        <v>33</v>
      </c>
      <c r="P323" s="2" t="s">
        <v>34</v>
      </c>
      <c r="Q323" s="2" t="s">
        <v>34</v>
      </c>
      <c r="R323" s="2" t="s">
        <v>35</v>
      </c>
      <c r="S323" s="2" t="s">
        <v>801</v>
      </c>
      <c r="T323" s="2" t="s">
        <v>34</v>
      </c>
      <c r="U323" s="2" t="s">
        <v>34</v>
      </c>
      <c r="V323" s="2" t="s">
        <v>34</v>
      </c>
    </row>
    <row r="324" spans="1:22" x14ac:dyDescent="0.25">
      <c r="A324" s="2" t="s">
        <v>21</v>
      </c>
      <c r="B324" s="3" t="s">
        <v>789</v>
      </c>
      <c r="C324" s="2" t="s">
        <v>790</v>
      </c>
      <c r="D324" s="4" t="s">
        <v>89</v>
      </c>
      <c r="E324" s="2" t="s">
        <v>2008</v>
      </c>
      <c r="F324" s="2" t="s">
        <v>34</v>
      </c>
      <c r="G324" s="8" t="s">
        <v>34</v>
      </c>
      <c r="H324" s="8" t="s">
        <v>34</v>
      </c>
      <c r="I324" s="2" t="s">
        <v>1832</v>
      </c>
      <c r="J324" s="2" t="s">
        <v>2009</v>
      </c>
      <c r="K324" s="2" t="s">
        <v>115</v>
      </c>
      <c r="L324" s="2" t="s">
        <v>30</v>
      </c>
      <c r="M324" s="2" t="s">
        <v>31</v>
      </c>
      <c r="N324" s="2" t="s">
        <v>206</v>
      </c>
      <c r="O324" s="2" t="s">
        <v>1310</v>
      </c>
      <c r="P324" s="2" t="s">
        <v>34</v>
      </c>
      <c r="Q324" s="2" t="s">
        <v>34</v>
      </c>
      <c r="R324" s="2" t="s">
        <v>35</v>
      </c>
      <c r="S324" s="2" t="s">
        <v>2010</v>
      </c>
      <c r="T324" s="2" t="s">
        <v>34</v>
      </c>
      <c r="U324" s="2" t="s">
        <v>34</v>
      </c>
      <c r="V324" s="2" t="s">
        <v>34</v>
      </c>
    </row>
    <row r="325" spans="1:22" x14ac:dyDescent="0.25">
      <c r="A325" s="2" t="s">
        <v>21</v>
      </c>
      <c r="B325" s="3" t="s">
        <v>789</v>
      </c>
      <c r="C325" s="2" t="s">
        <v>790</v>
      </c>
      <c r="D325" s="4" t="s">
        <v>98</v>
      </c>
      <c r="E325" s="2" t="s">
        <v>99</v>
      </c>
      <c r="F325" s="2" t="s">
        <v>802</v>
      </c>
      <c r="G325" s="8" t="s">
        <v>439</v>
      </c>
      <c r="H325" s="8" t="s">
        <v>45</v>
      </c>
      <c r="I325" s="2" t="s">
        <v>34</v>
      </c>
      <c r="J325" s="2" t="s">
        <v>803</v>
      </c>
      <c r="K325" s="2" t="s">
        <v>29</v>
      </c>
      <c r="L325" s="2" t="s">
        <v>30</v>
      </c>
      <c r="M325" s="2" t="s">
        <v>31</v>
      </c>
      <c r="N325" s="2" t="s">
        <v>104</v>
      </c>
      <c r="O325" s="2" t="s">
        <v>33</v>
      </c>
      <c r="P325" s="2" t="s">
        <v>34</v>
      </c>
      <c r="Q325" s="2" t="s">
        <v>34</v>
      </c>
      <c r="R325" s="2" t="s">
        <v>35</v>
      </c>
      <c r="S325" s="2" t="s">
        <v>804</v>
      </c>
      <c r="T325" s="2" t="s">
        <v>34</v>
      </c>
      <c r="U325" s="2" t="s">
        <v>34</v>
      </c>
      <c r="V325" s="2" t="s">
        <v>34</v>
      </c>
    </row>
    <row r="326" spans="1:22" x14ac:dyDescent="0.25">
      <c r="A326" s="2" t="s">
        <v>21</v>
      </c>
      <c r="B326" s="3" t="s">
        <v>789</v>
      </c>
      <c r="C326" s="2" t="s">
        <v>790</v>
      </c>
      <c r="D326" s="4" t="s">
        <v>106</v>
      </c>
      <c r="E326" s="2" t="s">
        <v>99</v>
      </c>
      <c r="F326" s="2" t="s">
        <v>180</v>
      </c>
      <c r="G326" s="8" t="s">
        <v>181</v>
      </c>
      <c r="H326" s="8" t="s">
        <v>27</v>
      </c>
      <c r="I326" s="2" t="s">
        <v>34</v>
      </c>
      <c r="J326" s="2" t="s">
        <v>182</v>
      </c>
      <c r="K326" s="2" t="s">
        <v>29</v>
      </c>
      <c r="L326" s="2" t="s">
        <v>30</v>
      </c>
      <c r="M326" s="2" t="s">
        <v>31</v>
      </c>
      <c r="N326" s="2" t="s">
        <v>183</v>
      </c>
      <c r="O326" s="2" t="s">
        <v>33</v>
      </c>
      <c r="P326" s="2" t="s">
        <v>34</v>
      </c>
      <c r="Q326" s="2" t="s">
        <v>34</v>
      </c>
      <c r="R326" s="2" t="s">
        <v>35</v>
      </c>
      <c r="S326" s="2" t="s">
        <v>184</v>
      </c>
      <c r="T326" s="2" t="s">
        <v>34</v>
      </c>
      <c r="U326" s="2" t="s">
        <v>34</v>
      </c>
      <c r="V326" s="2" t="s">
        <v>34</v>
      </c>
    </row>
    <row r="327" spans="1:22" x14ac:dyDescent="0.25">
      <c r="A327" s="2" t="s">
        <v>21</v>
      </c>
      <c r="B327" s="3" t="s">
        <v>789</v>
      </c>
      <c r="C327" s="2" t="s">
        <v>790</v>
      </c>
      <c r="D327" s="4" t="s">
        <v>112</v>
      </c>
      <c r="E327" s="2" t="s">
        <v>99</v>
      </c>
      <c r="F327" s="2" t="s">
        <v>323</v>
      </c>
      <c r="G327" s="8" t="s">
        <v>324</v>
      </c>
      <c r="H327" s="8" t="s">
        <v>27</v>
      </c>
      <c r="I327" s="2" t="s">
        <v>34</v>
      </c>
      <c r="J327" s="2" t="s">
        <v>325</v>
      </c>
      <c r="K327" s="2" t="s">
        <v>29</v>
      </c>
      <c r="L327" s="2" t="s">
        <v>30</v>
      </c>
      <c r="M327" s="2" t="s">
        <v>31</v>
      </c>
      <c r="N327" s="2" t="s">
        <v>183</v>
      </c>
      <c r="O327" s="2" t="s">
        <v>33</v>
      </c>
      <c r="P327" s="2" t="s">
        <v>34</v>
      </c>
      <c r="Q327" s="2" t="s">
        <v>34</v>
      </c>
      <c r="R327" s="2" t="s">
        <v>35</v>
      </c>
      <c r="S327" s="2" t="s">
        <v>326</v>
      </c>
      <c r="T327" s="2" t="s">
        <v>34</v>
      </c>
      <c r="U327" s="2" t="s">
        <v>34</v>
      </c>
      <c r="V327" s="2" t="s">
        <v>34</v>
      </c>
    </row>
    <row r="328" spans="1:22" x14ac:dyDescent="0.25">
      <c r="A328" s="2" t="s">
        <v>21</v>
      </c>
      <c r="B328" s="3" t="s">
        <v>789</v>
      </c>
      <c r="C328" s="2" t="s">
        <v>790</v>
      </c>
      <c r="D328" s="4" t="s">
        <v>419</v>
      </c>
      <c r="E328" s="2" t="s">
        <v>99</v>
      </c>
      <c r="F328" s="2" t="s">
        <v>805</v>
      </c>
      <c r="G328" s="8" t="s">
        <v>449</v>
      </c>
      <c r="H328" s="8" t="s">
        <v>27</v>
      </c>
      <c r="I328" s="2" t="s">
        <v>34</v>
      </c>
      <c r="J328" s="2" t="s">
        <v>806</v>
      </c>
      <c r="K328" s="2" t="s">
        <v>29</v>
      </c>
      <c r="L328" s="2" t="s">
        <v>30</v>
      </c>
      <c r="M328" s="2" t="s">
        <v>31</v>
      </c>
      <c r="N328" s="2" t="s">
        <v>183</v>
      </c>
      <c r="O328" s="2" t="s">
        <v>33</v>
      </c>
      <c r="P328" s="2" t="s">
        <v>34</v>
      </c>
      <c r="Q328" s="2" t="s">
        <v>34</v>
      </c>
      <c r="R328" s="2" t="s">
        <v>35</v>
      </c>
      <c r="S328" s="2" t="s">
        <v>807</v>
      </c>
      <c r="T328" s="2" t="s">
        <v>34</v>
      </c>
      <c r="U328" s="2" t="s">
        <v>34</v>
      </c>
      <c r="V328" s="2" t="s">
        <v>34</v>
      </c>
    </row>
    <row r="329" spans="1:22" x14ac:dyDescent="0.25">
      <c r="A329" s="2" t="s">
        <v>21</v>
      </c>
      <c r="B329" s="3" t="s">
        <v>789</v>
      </c>
      <c r="C329" s="2" t="s">
        <v>790</v>
      </c>
      <c r="D329" s="4" t="s">
        <v>120</v>
      </c>
      <c r="E329" s="2" t="s">
        <v>228</v>
      </c>
      <c r="F329" s="2" t="s">
        <v>808</v>
      </c>
      <c r="G329" s="8" t="s">
        <v>351</v>
      </c>
      <c r="H329" s="8" t="s">
        <v>27</v>
      </c>
      <c r="I329" s="2" t="s">
        <v>425</v>
      </c>
      <c r="J329" s="2" t="s">
        <v>809</v>
      </c>
      <c r="K329" s="2" t="s">
        <v>29</v>
      </c>
      <c r="L329" s="2" t="s">
        <v>30</v>
      </c>
      <c r="M329" s="2" t="s">
        <v>116</v>
      </c>
      <c r="N329" s="2" t="s">
        <v>104</v>
      </c>
      <c r="O329" s="2" t="s">
        <v>33</v>
      </c>
      <c r="P329" s="2" t="s">
        <v>34</v>
      </c>
      <c r="Q329" s="2" t="s">
        <v>34</v>
      </c>
      <c r="R329" s="2" t="s">
        <v>35</v>
      </c>
      <c r="S329" s="2" t="s">
        <v>810</v>
      </c>
      <c r="T329" s="2" t="s">
        <v>34</v>
      </c>
      <c r="U329" s="2" t="s">
        <v>34</v>
      </c>
      <c r="V329" s="2" t="s">
        <v>34</v>
      </c>
    </row>
    <row r="330" spans="1:22" x14ac:dyDescent="0.25">
      <c r="A330" s="2" t="s">
        <v>21</v>
      </c>
      <c r="B330" s="3" t="s">
        <v>789</v>
      </c>
      <c r="C330" s="2" t="s">
        <v>790</v>
      </c>
      <c r="D330" s="4" t="s">
        <v>131</v>
      </c>
      <c r="E330" s="2" t="s">
        <v>228</v>
      </c>
      <c r="F330" s="2" t="s">
        <v>519</v>
      </c>
      <c r="G330" s="8" t="s">
        <v>516</v>
      </c>
      <c r="H330" s="8" t="s">
        <v>27</v>
      </c>
      <c r="I330" s="2" t="s">
        <v>425</v>
      </c>
      <c r="J330" s="2" t="s">
        <v>520</v>
      </c>
      <c r="K330" s="2" t="s">
        <v>29</v>
      </c>
      <c r="L330" s="2" t="s">
        <v>34</v>
      </c>
      <c r="M330" s="2" t="s">
        <v>116</v>
      </c>
      <c r="N330" s="2" t="s">
        <v>104</v>
      </c>
      <c r="O330" s="2" t="s">
        <v>33</v>
      </c>
      <c r="P330" s="2" t="s">
        <v>34</v>
      </c>
      <c r="Q330" s="2" t="s">
        <v>34</v>
      </c>
      <c r="R330" s="2" t="s">
        <v>35</v>
      </c>
      <c r="S330" s="2" t="s">
        <v>521</v>
      </c>
      <c r="T330" s="2" t="s">
        <v>34</v>
      </c>
      <c r="U330" s="2" t="s">
        <v>34</v>
      </c>
      <c r="V330" s="2" t="s">
        <v>34</v>
      </c>
    </row>
    <row r="331" spans="1:22" x14ac:dyDescent="0.25">
      <c r="A331" s="2" t="s">
        <v>21</v>
      </c>
      <c r="B331" s="3" t="s">
        <v>789</v>
      </c>
      <c r="C331" s="2" t="s">
        <v>790</v>
      </c>
      <c r="D331" s="4" t="s">
        <v>142</v>
      </c>
      <c r="E331" s="2" t="s">
        <v>228</v>
      </c>
      <c r="F331" s="2" t="s">
        <v>633</v>
      </c>
      <c r="G331" s="8" t="s">
        <v>511</v>
      </c>
      <c r="H331" s="8" t="s">
        <v>27</v>
      </c>
      <c r="I331" s="2" t="s">
        <v>425</v>
      </c>
      <c r="J331" s="2" t="s">
        <v>634</v>
      </c>
      <c r="K331" s="2" t="s">
        <v>29</v>
      </c>
      <c r="L331" s="2" t="s">
        <v>34</v>
      </c>
      <c r="M331" s="2" t="s">
        <v>116</v>
      </c>
      <c r="N331" s="2" t="s">
        <v>104</v>
      </c>
      <c r="O331" s="2" t="s">
        <v>33</v>
      </c>
      <c r="P331" s="2" t="s">
        <v>34</v>
      </c>
      <c r="Q331" s="2" t="s">
        <v>34</v>
      </c>
      <c r="R331" s="2" t="s">
        <v>35</v>
      </c>
      <c r="S331" s="2" t="s">
        <v>635</v>
      </c>
      <c r="T331" s="2" t="s">
        <v>34</v>
      </c>
      <c r="U331" s="2" t="s">
        <v>34</v>
      </c>
      <c r="V331" s="2" t="s">
        <v>34</v>
      </c>
    </row>
    <row r="332" spans="1:22" x14ac:dyDescent="0.25">
      <c r="A332" s="2" t="s">
        <v>21</v>
      </c>
      <c r="B332" s="3" t="s">
        <v>789</v>
      </c>
      <c r="C332" s="2" t="s">
        <v>790</v>
      </c>
      <c r="D332" s="4" t="s">
        <v>143</v>
      </c>
      <c r="E332" s="2" t="s">
        <v>228</v>
      </c>
      <c r="F332" s="2" t="s">
        <v>713</v>
      </c>
      <c r="G332" s="8" t="s">
        <v>679</v>
      </c>
      <c r="H332" s="8" t="s">
        <v>27</v>
      </c>
      <c r="I332" s="2" t="s">
        <v>425</v>
      </c>
      <c r="J332" s="2" t="s">
        <v>714</v>
      </c>
      <c r="K332" s="2" t="s">
        <v>29</v>
      </c>
      <c r="L332" s="2" t="s">
        <v>34</v>
      </c>
      <c r="M332" s="2" t="s">
        <v>116</v>
      </c>
      <c r="N332" s="2" t="s">
        <v>104</v>
      </c>
      <c r="O332" s="2" t="s">
        <v>33</v>
      </c>
      <c r="P332" s="2" t="s">
        <v>34</v>
      </c>
      <c r="Q332" s="2" t="s">
        <v>34</v>
      </c>
      <c r="R332" s="2" t="s">
        <v>35</v>
      </c>
      <c r="S332" s="2" t="s">
        <v>715</v>
      </c>
      <c r="T332" s="2" t="s">
        <v>34</v>
      </c>
      <c r="U332" s="2" t="s">
        <v>34</v>
      </c>
      <c r="V332" s="2" t="s">
        <v>34</v>
      </c>
    </row>
    <row r="333" spans="1:22" x14ac:dyDescent="0.25">
      <c r="A333" s="2" t="s">
        <v>21</v>
      </c>
      <c r="B333" s="3" t="s">
        <v>789</v>
      </c>
      <c r="C333" s="2" t="s">
        <v>790</v>
      </c>
      <c r="D333" s="4" t="s">
        <v>145</v>
      </c>
      <c r="E333" s="2" t="s">
        <v>42</v>
      </c>
      <c r="F333" s="2" t="s">
        <v>457</v>
      </c>
      <c r="G333" s="8" t="s">
        <v>458</v>
      </c>
      <c r="H333" s="8" t="s">
        <v>45</v>
      </c>
      <c r="I333" s="2" t="s">
        <v>55</v>
      </c>
      <c r="J333" s="2" t="s">
        <v>34</v>
      </c>
      <c r="K333" s="2" t="s">
        <v>29</v>
      </c>
      <c r="L333" s="2" t="s">
        <v>30</v>
      </c>
      <c r="M333" s="2" t="s">
        <v>48</v>
      </c>
      <c r="N333" s="2" t="s">
        <v>49</v>
      </c>
      <c r="O333" s="2" t="s">
        <v>50</v>
      </c>
      <c r="P333" s="2" t="s">
        <v>34</v>
      </c>
      <c r="Q333" s="2" t="s">
        <v>34</v>
      </c>
      <c r="R333" s="2" t="s">
        <v>35</v>
      </c>
      <c r="S333" s="2" t="s">
        <v>459</v>
      </c>
      <c r="T333" s="2" t="s">
        <v>34</v>
      </c>
      <c r="U333" s="2" t="s">
        <v>34</v>
      </c>
      <c r="V333" s="2" t="s">
        <v>34</v>
      </c>
    </row>
    <row r="334" spans="1:22" x14ac:dyDescent="0.25">
      <c r="A334" s="2" t="s">
        <v>21</v>
      </c>
      <c r="B334" s="3" t="s">
        <v>789</v>
      </c>
      <c r="C334" s="2" t="s">
        <v>790</v>
      </c>
      <c r="D334" s="4" t="s">
        <v>150</v>
      </c>
      <c r="E334" s="2" t="s">
        <v>42</v>
      </c>
      <c r="F334" s="2" t="s">
        <v>460</v>
      </c>
      <c r="G334" s="8" t="s">
        <v>424</v>
      </c>
      <c r="H334" s="8" t="s">
        <v>45</v>
      </c>
      <c r="I334" s="2" t="s">
        <v>55</v>
      </c>
      <c r="J334" s="2" t="s">
        <v>461</v>
      </c>
      <c r="K334" s="2" t="s">
        <v>29</v>
      </c>
      <c r="L334" s="2" t="s">
        <v>30</v>
      </c>
      <c r="M334" s="2" t="s">
        <v>48</v>
      </c>
      <c r="N334" s="2" t="s">
        <v>49</v>
      </c>
      <c r="O334" s="2" t="s">
        <v>50</v>
      </c>
      <c r="P334" s="2" t="s">
        <v>34</v>
      </c>
      <c r="Q334" s="2" t="s">
        <v>34</v>
      </c>
      <c r="R334" s="2" t="s">
        <v>35</v>
      </c>
      <c r="S334" s="2" t="s">
        <v>462</v>
      </c>
      <c r="T334" s="2" t="s">
        <v>34</v>
      </c>
      <c r="U334" s="2" t="s">
        <v>34</v>
      </c>
      <c r="V334" s="2" t="s">
        <v>34</v>
      </c>
    </row>
    <row r="335" spans="1:22" x14ac:dyDescent="0.25">
      <c r="A335" s="2" t="s">
        <v>21</v>
      </c>
      <c r="B335" s="3" t="s">
        <v>789</v>
      </c>
      <c r="C335" s="2" t="s">
        <v>790</v>
      </c>
      <c r="D335" s="4" t="s">
        <v>155</v>
      </c>
      <c r="E335" s="2" t="s">
        <v>42</v>
      </c>
      <c r="F335" s="2" t="s">
        <v>464</v>
      </c>
      <c r="G335" s="8" t="s">
        <v>429</v>
      </c>
      <c r="H335" s="8" t="s">
        <v>45</v>
      </c>
      <c r="I335" s="2" t="s">
        <v>46</v>
      </c>
      <c r="J335" s="2" t="s">
        <v>465</v>
      </c>
      <c r="K335" s="2" t="s">
        <v>29</v>
      </c>
      <c r="L335" s="2" t="s">
        <v>30</v>
      </c>
      <c r="M335" s="2" t="s">
        <v>48</v>
      </c>
      <c r="N335" s="2" t="s">
        <v>49</v>
      </c>
      <c r="O335" s="2" t="s">
        <v>50</v>
      </c>
      <c r="P335" s="2" t="s">
        <v>34</v>
      </c>
      <c r="Q335" s="2" t="s">
        <v>34</v>
      </c>
      <c r="R335" s="2" t="s">
        <v>35</v>
      </c>
      <c r="S335" s="2" t="s">
        <v>466</v>
      </c>
      <c r="T335" s="2" t="s">
        <v>34</v>
      </c>
      <c r="U335" s="2" t="s">
        <v>34</v>
      </c>
      <c r="V335" s="2" t="s">
        <v>34</v>
      </c>
    </row>
    <row r="336" spans="1:22" x14ac:dyDescent="0.25">
      <c r="A336" s="2" t="s">
        <v>21</v>
      </c>
      <c r="B336" s="3" t="s">
        <v>789</v>
      </c>
      <c r="C336" s="2" t="s">
        <v>790</v>
      </c>
      <c r="D336" s="4" t="s">
        <v>160</v>
      </c>
      <c r="E336" s="2" t="s">
        <v>42</v>
      </c>
      <c r="F336" s="2" t="s">
        <v>468</v>
      </c>
      <c r="G336" s="8" t="s">
        <v>400</v>
      </c>
      <c r="H336" s="8" t="s">
        <v>45</v>
      </c>
      <c r="I336" s="2" t="s">
        <v>46</v>
      </c>
      <c r="J336" s="2" t="s">
        <v>469</v>
      </c>
      <c r="K336" s="2" t="s">
        <v>29</v>
      </c>
      <c r="L336" s="2" t="s">
        <v>30</v>
      </c>
      <c r="M336" s="2" t="s">
        <v>48</v>
      </c>
      <c r="N336" s="2" t="s">
        <v>49</v>
      </c>
      <c r="O336" s="2" t="s">
        <v>50</v>
      </c>
      <c r="P336" s="2" t="s">
        <v>34</v>
      </c>
      <c r="Q336" s="2" t="s">
        <v>34</v>
      </c>
      <c r="R336" s="2" t="s">
        <v>35</v>
      </c>
      <c r="S336" s="2" t="s">
        <v>470</v>
      </c>
      <c r="T336" s="2" t="s">
        <v>34</v>
      </c>
      <c r="U336" s="2" t="s">
        <v>34</v>
      </c>
      <c r="V336" s="2" t="s">
        <v>34</v>
      </c>
    </row>
    <row r="337" spans="1:22" x14ac:dyDescent="0.25">
      <c r="A337" s="2" t="s">
        <v>21</v>
      </c>
      <c r="B337" s="3" t="s">
        <v>789</v>
      </c>
      <c r="C337" s="2" t="s">
        <v>790</v>
      </c>
      <c r="D337" s="4" t="s">
        <v>165</v>
      </c>
      <c r="E337" s="2" t="s">
        <v>42</v>
      </c>
      <c r="F337" s="2" t="s">
        <v>471</v>
      </c>
      <c r="G337" s="8" t="s">
        <v>283</v>
      </c>
      <c r="H337" s="8" t="s">
        <v>45</v>
      </c>
      <c r="I337" s="2" t="s">
        <v>55</v>
      </c>
      <c r="J337" s="2" t="s">
        <v>472</v>
      </c>
      <c r="K337" s="2" t="s">
        <v>29</v>
      </c>
      <c r="L337" s="2" t="s">
        <v>30</v>
      </c>
      <c r="M337" s="2" t="s">
        <v>48</v>
      </c>
      <c r="N337" s="2" t="s">
        <v>49</v>
      </c>
      <c r="O337" s="2" t="s">
        <v>50</v>
      </c>
      <c r="P337" s="2" t="s">
        <v>34</v>
      </c>
      <c r="Q337" s="2" t="s">
        <v>34</v>
      </c>
      <c r="R337" s="2" t="s">
        <v>35</v>
      </c>
      <c r="S337" s="2" t="s">
        <v>473</v>
      </c>
      <c r="T337" s="2" t="s">
        <v>34</v>
      </c>
      <c r="U337" s="2" t="s">
        <v>34</v>
      </c>
      <c r="V337" s="2" t="s">
        <v>34</v>
      </c>
    </row>
    <row r="338" spans="1:22" x14ac:dyDescent="0.25">
      <c r="A338" s="2" t="s">
        <v>21</v>
      </c>
      <c r="B338" s="3" t="s">
        <v>789</v>
      </c>
      <c r="C338" s="2" t="s">
        <v>790</v>
      </c>
      <c r="D338" s="4" t="s">
        <v>170</v>
      </c>
      <c r="E338" s="2" t="s">
        <v>42</v>
      </c>
      <c r="F338" s="2" t="s">
        <v>475</v>
      </c>
      <c r="G338" s="8" t="s">
        <v>80</v>
      </c>
      <c r="H338" s="8" t="s">
        <v>45</v>
      </c>
      <c r="I338" s="2" t="s">
        <v>55</v>
      </c>
      <c r="J338" s="2" t="s">
        <v>476</v>
      </c>
      <c r="K338" s="2" t="s">
        <v>29</v>
      </c>
      <c r="L338" s="2" t="s">
        <v>30</v>
      </c>
      <c r="M338" s="2" t="s">
        <v>48</v>
      </c>
      <c r="N338" s="2" t="s">
        <v>49</v>
      </c>
      <c r="O338" s="2" t="s">
        <v>50</v>
      </c>
      <c r="P338" s="2" t="s">
        <v>34</v>
      </c>
      <c r="Q338" s="2" t="s">
        <v>34</v>
      </c>
      <c r="R338" s="2" t="s">
        <v>35</v>
      </c>
      <c r="S338" s="2" t="s">
        <v>477</v>
      </c>
      <c r="T338" s="2" t="s">
        <v>34</v>
      </c>
      <c r="U338" s="2" t="s">
        <v>34</v>
      </c>
      <c r="V338" s="2" t="s">
        <v>34</v>
      </c>
    </row>
    <row r="339" spans="1:22" x14ac:dyDescent="0.25">
      <c r="A339" s="2" t="s">
        <v>21</v>
      </c>
      <c r="B339" s="3" t="s">
        <v>789</v>
      </c>
      <c r="C339" s="2" t="s">
        <v>790</v>
      </c>
      <c r="D339" s="4" t="s">
        <v>175</v>
      </c>
      <c r="E339" s="2" t="s">
        <v>42</v>
      </c>
      <c r="F339" s="2" t="s">
        <v>479</v>
      </c>
      <c r="G339" s="8" t="s">
        <v>480</v>
      </c>
      <c r="H339" s="8" t="s">
        <v>45</v>
      </c>
      <c r="I339" s="2" t="s">
        <v>55</v>
      </c>
      <c r="J339" s="2" t="s">
        <v>481</v>
      </c>
      <c r="K339" s="2" t="s">
        <v>29</v>
      </c>
      <c r="L339" s="2" t="s">
        <v>30</v>
      </c>
      <c r="M339" s="2" t="s">
        <v>48</v>
      </c>
      <c r="N339" s="2" t="s">
        <v>49</v>
      </c>
      <c r="O339" s="2" t="s">
        <v>50</v>
      </c>
      <c r="P339" s="2" t="s">
        <v>34</v>
      </c>
      <c r="Q339" s="2" t="s">
        <v>34</v>
      </c>
      <c r="R339" s="2" t="s">
        <v>35</v>
      </c>
      <c r="S339" s="2" t="s">
        <v>482</v>
      </c>
      <c r="T339" s="2" t="s">
        <v>34</v>
      </c>
      <c r="U339" s="2" t="s">
        <v>34</v>
      </c>
      <c r="V339" s="2" t="s">
        <v>34</v>
      </c>
    </row>
    <row r="340" spans="1:22" x14ac:dyDescent="0.25">
      <c r="A340" s="2" t="s">
        <v>21</v>
      </c>
      <c r="B340" s="3" t="s">
        <v>789</v>
      </c>
      <c r="C340" s="2" t="s">
        <v>790</v>
      </c>
      <c r="D340" s="4" t="s">
        <v>455</v>
      </c>
      <c r="E340" s="2" t="s">
        <v>42</v>
      </c>
      <c r="F340" s="2" t="s">
        <v>567</v>
      </c>
      <c r="G340" s="8" t="s">
        <v>560</v>
      </c>
      <c r="H340" s="8" t="s">
        <v>45</v>
      </c>
      <c r="I340" s="2" t="s">
        <v>46</v>
      </c>
      <c r="J340" s="2" t="s">
        <v>568</v>
      </c>
      <c r="K340" s="2" t="s">
        <v>29</v>
      </c>
      <c r="L340" s="2" t="s">
        <v>30</v>
      </c>
      <c r="M340" s="2" t="s">
        <v>48</v>
      </c>
      <c r="N340" s="2" t="s">
        <v>49</v>
      </c>
      <c r="O340" s="2" t="s">
        <v>50</v>
      </c>
      <c r="P340" s="2" t="s">
        <v>34</v>
      </c>
      <c r="Q340" s="2" t="s">
        <v>34</v>
      </c>
      <c r="R340" s="2" t="s">
        <v>35</v>
      </c>
      <c r="S340" s="2" t="s">
        <v>569</v>
      </c>
      <c r="T340" s="2" t="s">
        <v>34</v>
      </c>
      <c r="U340" s="2" t="s">
        <v>34</v>
      </c>
      <c r="V340" s="2" t="s">
        <v>34</v>
      </c>
    </row>
    <row r="341" spans="1:22" x14ac:dyDescent="0.25">
      <c r="A341" s="2" t="s">
        <v>21</v>
      </c>
      <c r="B341" s="3" t="s">
        <v>789</v>
      </c>
      <c r="C341" s="2" t="s">
        <v>790</v>
      </c>
      <c r="D341" s="4" t="s">
        <v>456</v>
      </c>
      <c r="E341" s="2" t="s">
        <v>42</v>
      </c>
      <c r="F341" s="2" t="s">
        <v>570</v>
      </c>
      <c r="G341" s="8" t="s">
        <v>564</v>
      </c>
      <c r="H341" s="8" t="s">
        <v>45</v>
      </c>
      <c r="I341" s="2" t="s">
        <v>46</v>
      </c>
      <c r="J341" s="2" t="s">
        <v>571</v>
      </c>
      <c r="K341" s="2" t="s">
        <v>29</v>
      </c>
      <c r="L341" s="2" t="s">
        <v>30</v>
      </c>
      <c r="M341" s="2" t="s">
        <v>48</v>
      </c>
      <c r="N341" s="2" t="s">
        <v>49</v>
      </c>
      <c r="O341" s="2" t="s">
        <v>50</v>
      </c>
      <c r="P341" s="2" t="s">
        <v>34</v>
      </c>
      <c r="Q341" s="2" t="s">
        <v>34</v>
      </c>
      <c r="R341" s="2" t="s">
        <v>35</v>
      </c>
      <c r="S341" s="2" t="s">
        <v>572</v>
      </c>
      <c r="T341" s="2" t="s">
        <v>34</v>
      </c>
      <c r="U341" s="2" t="s">
        <v>34</v>
      </c>
      <c r="V341" s="2" t="s">
        <v>34</v>
      </c>
    </row>
    <row r="342" spans="1:22" x14ac:dyDescent="0.25">
      <c r="A342" s="2" t="s">
        <v>21</v>
      </c>
      <c r="B342" s="3" t="s">
        <v>789</v>
      </c>
      <c r="C342" s="2" t="s">
        <v>790</v>
      </c>
      <c r="D342" s="4" t="s">
        <v>179</v>
      </c>
      <c r="E342" s="2" t="s">
        <v>42</v>
      </c>
      <c r="F342" s="2" t="s">
        <v>573</v>
      </c>
      <c r="G342" s="8" t="s">
        <v>574</v>
      </c>
      <c r="H342" s="8" t="s">
        <v>45</v>
      </c>
      <c r="I342" s="2" t="s">
        <v>46</v>
      </c>
      <c r="J342" s="2" t="s">
        <v>575</v>
      </c>
      <c r="K342" s="2" t="s">
        <v>29</v>
      </c>
      <c r="L342" s="2" t="s">
        <v>30</v>
      </c>
      <c r="M342" s="2" t="s">
        <v>48</v>
      </c>
      <c r="N342" s="2" t="s">
        <v>49</v>
      </c>
      <c r="O342" s="2" t="s">
        <v>50</v>
      </c>
      <c r="P342" s="2" t="s">
        <v>34</v>
      </c>
      <c r="Q342" s="2" t="s">
        <v>34</v>
      </c>
      <c r="R342" s="2" t="s">
        <v>35</v>
      </c>
      <c r="S342" s="2" t="s">
        <v>576</v>
      </c>
      <c r="T342" s="2" t="s">
        <v>34</v>
      </c>
      <c r="U342" s="2" t="s">
        <v>34</v>
      </c>
      <c r="V342" s="2" t="s">
        <v>34</v>
      </c>
    </row>
    <row r="343" spans="1:22" x14ac:dyDescent="0.25">
      <c r="A343" s="2" t="s">
        <v>21</v>
      </c>
      <c r="B343" s="3" t="s">
        <v>789</v>
      </c>
      <c r="C343" s="2" t="s">
        <v>790</v>
      </c>
      <c r="D343" s="4" t="s">
        <v>463</v>
      </c>
      <c r="E343" s="2" t="s">
        <v>42</v>
      </c>
      <c r="F343" s="2" t="s">
        <v>132</v>
      </c>
      <c r="G343" s="8" t="s">
        <v>133</v>
      </c>
      <c r="H343" s="8" t="s">
        <v>45</v>
      </c>
      <c r="I343" s="2" t="s">
        <v>46</v>
      </c>
      <c r="J343" s="2" t="s">
        <v>134</v>
      </c>
      <c r="K343" s="2" t="s">
        <v>29</v>
      </c>
      <c r="L343" s="2" t="s">
        <v>30</v>
      </c>
      <c r="M343" s="2" t="s">
        <v>48</v>
      </c>
      <c r="N343" s="2" t="s">
        <v>49</v>
      </c>
      <c r="O343" s="2" t="s">
        <v>50</v>
      </c>
      <c r="P343" s="2" t="s">
        <v>34</v>
      </c>
      <c r="Q343" s="2" t="s">
        <v>34</v>
      </c>
      <c r="R343" s="2" t="s">
        <v>35</v>
      </c>
      <c r="S343" s="2" t="s">
        <v>135</v>
      </c>
      <c r="T343" s="2" t="s">
        <v>34</v>
      </c>
      <c r="U343" s="2" t="s">
        <v>34</v>
      </c>
      <c r="V343" s="2" t="s">
        <v>34</v>
      </c>
    </row>
    <row r="344" spans="1:22" x14ac:dyDescent="0.25">
      <c r="A344" s="2" t="s">
        <v>21</v>
      </c>
      <c r="B344" s="3" t="s">
        <v>789</v>
      </c>
      <c r="C344" s="2" t="s">
        <v>790</v>
      </c>
      <c r="D344" s="4" t="s">
        <v>467</v>
      </c>
      <c r="E344" s="2" t="s">
        <v>42</v>
      </c>
      <c r="F344" s="2" t="s">
        <v>577</v>
      </c>
      <c r="G344" s="8" t="s">
        <v>540</v>
      </c>
      <c r="H344" s="8" t="s">
        <v>45</v>
      </c>
      <c r="I344" s="2" t="s">
        <v>55</v>
      </c>
      <c r="J344" s="2" t="s">
        <v>578</v>
      </c>
      <c r="K344" s="2" t="s">
        <v>29</v>
      </c>
      <c r="L344" s="2" t="s">
        <v>30</v>
      </c>
      <c r="M344" s="2" t="s">
        <v>48</v>
      </c>
      <c r="N344" s="2" t="s">
        <v>49</v>
      </c>
      <c r="O344" s="2" t="s">
        <v>50</v>
      </c>
      <c r="P344" s="2" t="s">
        <v>34</v>
      </c>
      <c r="Q344" s="2" t="s">
        <v>34</v>
      </c>
      <c r="R344" s="2" t="s">
        <v>35</v>
      </c>
      <c r="S344" s="2" t="s">
        <v>579</v>
      </c>
      <c r="T344" s="2" t="s">
        <v>34</v>
      </c>
      <c r="U344" s="2" t="s">
        <v>34</v>
      </c>
      <c r="V344" s="2" t="s">
        <v>34</v>
      </c>
    </row>
    <row r="345" spans="1:22" x14ac:dyDescent="0.25">
      <c r="A345" s="2" t="s">
        <v>21</v>
      </c>
      <c r="B345" s="3" t="s">
        <v>789</v>
      </c>
      <c r="C345" s="2" t="s">
        <v>790</v>
      </c>
      <c r="D345" s="4" t="s">
        <v>185</v>
      </c>
      <c r="E345" s="2" t="s">
        <v>42</v>
      </c>
      <c r="F345" s="2" t="s">
        <v>580</v>
      </c>
      <c r="G345" s="8" t="s">
        <v>407</v>
      </c>
      <c r="H345" s="8" t="s">
        <v>45</v>
      </c>
      <c r="I345" s="2" t="s">
        <v>46</v>
      </c>
      <c r="J345" s="2" t="s">
        <v>581</v>
      </c>
      <c r="K345" s="2" t="s">
        <v>29</v>
      </c>
      <c r="L345" s="2" t="s">
        <v>30</v>
      </c>
      <c r="M345" s="2" t="s">
        <v>48</v>
      </c>
      <c r="N345" s="2" t="s">
        <v>49</v>
      </c>
      <c r="O345" s="2" t="s">
        <v>50</v>
      </c>
      <c r="P345" s="2" t="s">
        <v>34</v>
      </c>
      <c r="Q345" s="2" t="s">
        <v>34</v>
      </c>
      <c r="R345" s="2" t="s">
        <v>35</v>
      </c>
      <c r="S345" s="2" t="s">
        <v>582</v>
      </c>
      <c r="T345" s="2" t="s">
        <v>34</v>
      </c>
      <c r="U345" s="2" t="s">
        <v>34</v>
      </c>
      <c r="V345" s="2" t="s">
        <v>34</v>
      </c>
    </row>
    <row r="346" spans="1:22" x14ac:dyDescent="0.25">
      <c r="A346" s="2" t="s">
        <v>21</v>
      </c>
      <c r="B346" s="3" t="s">
        <v>789</v>
      </c>
      <c r="C346" s="2" t="s">
        <v>790</v>
      </c>
      <c r="D346" s="4" t="s">
        <v>474</v>
      </c>
      <c r="E346" s="2" t="s">
        <v>42</v>
      </c>
      <c r="F346" s="2" t="s">
        <v>583</v>
      </c>
      <c r="G346" s="8" t="s">
        <v>584</v>
      </c>
      <c r="H346" s="8" t="s">
        <v>45</v>
      </c>
      <c r="I346" s="2" t="s">
        <v>46</v>
      </c>
      <c r="J346" s="2" t="s">
        <v>585</v>
      </c>
      <c r="K346" s="2" t="s">
        <v>29</v>
      </c>
      <c r="L346" s="2" t="s">
        <v>30</v>
      </c>
      <c r="M346" s="2" t="s">
        <v>48</v>
      </c>
      <c r="N346" s="2" t="s">
        <v>49</v>
      </c>
      <c r="O346" s="2" t="s">
        <v>50</v>
      </c>
      <c r="P346" s="2" t="s">
        <v>34</v>
      </c>
      <c r="Q346" s="2" t="s">
        <v>34</v>
      </c>
      <c r="R346" s="2" t="s">
        <v>35</v>
      </c>
      <c r="S346" s="2" t="s">
        <v>586</v>
      </c>
      <c r="T346" s="2" t="s">
        <v>34</v>
      </c>
      <c r="U346" s="2" t="s">
        <v>34</v>
      </c>
      <c r="V346" s="2" t="s">
        <v>34</v>
      </c>
    </row>
    <row r="347" spans="1:22" x14ac:dyDescent="0.25">
      <c r="A347" s="2" t="s">
        <v>21</v>
      </c>
      <c r="B347" s="3" t="s">
        <v>789</v>
      </c>
      <c r="C347" s="2" t="s">
        <v>790</v>
      </c>
      <c r="D347" s="4" t="s">
        <v>478</v>
      </c>
      <c r="E347" s="2" t="s">
        <v>42</v>
      </c>
      <c r="F347" s="2" t="s">
        <v>587</v>
      </c>
      <c r="G347" s="8" t="s">
        <v>489</v>
      </c>
      <c r="H347" s="8" t="s">
        <v>45</v>
      </c>
      <c r="I347" s="2" t="s">
        <v>46</v>
      </c>
      <c r="J347" s="2" t="s">
        <v>588</v>
      </c>
      <c r="K347" s="2" t="s">
        <v>29</v>
      </c>
      <c r="L347" s="2" t="s">
        <v>30</v>
      </c>
      <c r="M347" s="2" t="s">
        <v>48</v>
      </c>
      <c r="N347" s="2" t="s">
        <v>49</v>
      </c>
      <c r="O347" s="2" t="s">
        <v>50</v>
      </c>
      <c r="P347" s="2" t="s">
        <v>34</v>
      </c>
      <c r="Q347" s="2" t="s">
        <v>34</v>
      </c>
      <c r="R347" s="2" t="s">
        <v>35</v>
      </c>
      <c r="S347" s="2" t="s">
        <v>589</v>
      </c>
      <c r="T347" s="2" t="s">
        <v>34</v>
      </c>
      <c r="U347" s="2" t="s">
        <v>34</v>
      </c>
      <c r="V347" s="2" t="s">
        <v>34</v>
      </c>
    </row>
    <row r="348" spans="1:22" x14ac:dyDescent="0.25">
      <c r="A348" s="2" t="s">
        <v>21</v>
      </c>
      <c r="B348" s="3" t="s">
        <v>789</v>
      </c>
      <c r="C348" s="2" t="s">
        <v>790</v>
      </c>
      <c r="D348" s="4" t="s">
        <v>191</v>
      </c>
      <c r="E348" s="2" t="s">
        <v>84</v>
      </c>
      <c r="F348" s="2" t="s">
        <v>330</v>
      </c>
      <c r="G348" s="8" t="s">
        <v>274</v>
      </c>
      <c r="H348" s="8" t="s">
        <v>86</v>
      </c>
      <c r="I348" s="2" t="s">
        <v>34</v>
      </c>
      <c r="J348" s="2" t="s">
        <v>34</v>
      </c>
      <c r="K348" s="2" t="s">
        <v>29</v>
      </c>
      <c r="L348" s="2" t="s">
        <v>30</v>
      </c>
      <c r="M348" s="2" t="s">
        <v>31</v>
      </c>
      <c r="N348" s="2" t="s">
        <v>49</v>
      </c>
      <c r="O348" s="2" t="s">
        <v>33</v>
      </c>
      <c r="P348" s="2" t="s">
        <v>34</v>
      </c>
      <c r="Q348" s="2" t="s">
        <v>34</v>
      </c>
      <c r="R348" s="2" t="s">
        <v>35</v>
      </c>
      <c r="S348" s="2" t="s">
        <v>811</v>
      </c>
      <c r="T348" s="2" t="s">
        <v>34</v>
      </c>
      <c r="U348" s="2" t="s">
        <v>34</v>
      </c>
      <c r="V348" s="2" t="s">
        <v>34</v>
      </c>
    </row>
    <row r="349" spans="1:22" x14ac:dyDescent="0.25">
      <c r="A349" s="2" t="s">
        <v>21</v>
      </c>
      <c r="B349" s="3" t="s">
        <v>789</v>
      </c>
      <c r="C349" s="2" t="s">
        <v>790</v>
      </c>
      <c r="D349" s="4" t="s">
        <v>196</v>
      </c>
      <c r="E349" s="2" t="s">
        <v>197</v>
      </c>
      <c r="F349" s="2" t="s">
        <v>812</v>
      </c>
      <c r="G349" s="8" t="s">
        <v>172</v>
      </c>
      <c r="H349" s="8" t="s">
        <v>45</v>
      </c>
      <c r="I349" s="2" t="s">
        <v>199</v>
      </c>
      <c r="J349" s="2" t="s">
        <v>813</v>
      </c>
      <c r="K349" s="2" t="s">
        <v>29</v>
      </c>
      <c r="L349" s="2" t="s">
        <v>30</v>
      </c>
      <c r="M349" s="2" t="s">
        <v>31</v>
      </c>
      <c r="N349" s="2" t="s">
        <v>104</v>
      </c>
      <c r="O349" s="2" t="s">
        <v>33</v>
      </c>
      <c r="P349" s="2" t="s">
        <v>34</v>
      </c>
      <c r="Q349" s="2" t="s">
        <v>34</v>
      </c>
      <c r="R349" s="2" t="s">
        <v>35</v>
      </c>
      <c r="S349" s="2" t="s">
        <v>814</v>
      </c>
      <c r="T349" s="2" t="s">
        <v>34</v>
      </c>
      <c r="U349" s="2" t="s">
        <v>34</v>
      </c>
      <c r="V349" s="2" t="s">
        <v>34</v>
      </c>
    </row>
    <row r="350" spans="1:22" x14ac:dyDescent="0.25">
      <c r="A350" s="2" t="s">
        <v>21</v>
      </c>
      <c r="B350" s="3" t="s">
        <v>789</v>
      </c>
      <c r="C350" s="2" t="s">
        <v>790</v>
      </c>
      <c r="D350" s="4" t="s">
        <v>202</v>
      </c>
      <c r="E350" s="2" t="s">
        <v>99</v>
      </c>
      <c r="F350" s="2" t="s">
        <v>2011</v>
      </c>
      <c r="G350" s="8" t="s">
        <v>574</v>
      </c>
      <c r="H350" s="8" t="s">
        <v>27</v>
      </c>
      <c r="I350" s="2" t="s">
        <v>34</v>
      </c>
      <c r="J350" s="2" t="s">
        <v>2012</v>
      </c>
      <c r="K350" s="2" t="s">
        <v>29</v>
      </c>
      <c r="L350" s="2" t="s">
        <v>30</v>
      </c>
      <c r="M350" s="2" t="s">
        <v>31</v>
      </c>
      <c r="N350" s="2" t="s">
        <v>183</v>
      </c>
      <c r="O350" s="2" t="s">
        <v>33</v>
      </c>
      <c r="P350" s="2" t="s">
        <v>34</v>
      </c>
      <c r="Q350" s="2" t="s">
        <v>34</v>
      </c>
      <c r="R350" s="2" t="s">
        <v>35</v>
      </c>
      <c r="S350" s="2" t="s">
        <v>815</v>
      </c>
      <c r="T350" s="2" t="s">
        <v>34</v>
      </c>
      <c r="U350" s="2" t="s">
        <v>34</v>
      </c>
      <c r="V350" s="2" t="s">
        <v>34</v>
      </c>
    </row>
    <row r="351" spans="1:22" x14ac:dyDescent="0.25">
      <c r="A351" s="2" t="s">
        <v>21</v>
      </c>
      <c r="B351" s="3" t="s">
        <v>789</v>
      </c>
      <c r="C351" s="2" t="s">
        <v>790</v>
      </c>
      <c r="D351" s="4" t="s">
        <v>492</v>
      </c>
      <c r="E351" s="2" t="s">
        <v>228</v>
      </c>
      <c r="F351" s="2" t="s">
        <v>816</v>
      </c>
      <c r="G351" s="8" t="s">
        <v>172</v>
      </c>
      <c r="H351" s="8" t="s">
        <v>45</v>
      </c>
      <c r="I351" s="2" t="s">
        <v>230</v>
      </c>
      <c r="J351" s="2" t="s">
        <v>817</v>
      </c>
      <c r="K351" s="2" t="s">
        <v>29</v>
      </c>
      <c r="L351" s="2" t="s">
        <v>231</v>
      </c>
      <c r="M351" s="2" t="s">
        <v>116</v>
      </c>
      <c r="N351" s="2" t="s">
        <v>220</v>
      </c>
      <c r="O351" s="2" t="s">
        <v>33</v>
      </c>
      <c r="P351" s="2" t="s">
        <v>34</v>
      </c>
      <c r="Q351" s="2" t="s">
        <v>34</v>
      </c>
      <c r="R351" s="2" t="s">
        <v>35</v>
      </c>
      <c r="S351" s="2" t="s">
        <v>818</v>
      </c>
      <c r="T351" s="2" t="s">
        <v>34</v>
      </c>
      <c r="U351" s="2" t="s">
        <v>34</v>
      </c>
      <c r="V351" s="2" t="s">
        <v>34</v>
      </c>
    </row>
    <row r="352" spans="1:22" x14ac:dyDescent="0.25">
      <c r="A352" s="2" t="s">
        <v>21</v>
      </c>
      <c r="B352" s="3" t="s">
        <v>789</v>
      </c>
      <c r="C352" s="2" t="s">
        <v>790</v>
      </c>
      <c r="D352" s="4" t="s">
        <v>208</v>
      </c>
      <c r="E352" s="2" t="s">
        <v>209</v>
      </c>
      <c r="F352" s="2" t="s">
        <v>819</v>
      </c>
      <c r="G352" s="8" t="s">
        <v>26</v>
      </c>
      <c r="H352" s="8" t="s">
        <v>86</v>
      </c>
      <c r="I352" s="2" t="s">
        <v>34</v>
      </c>
      <c r="J352" s="2" t="s">
        <v>820</v>
      </c>
      <c r="K352" s="2" t="s">
        <v>29</v>
      </c>
      <c r="L352" s="2" t="s">
        <v>30</v>
      </c>
      <c r="M352" s="2" t="s">
        <v>31</v>
      </c>
      <c r="N352" s="2" t="s">
        <v>183</v>
      </c>
      <c r="O352" s="2" t="s">
        <v>189</v>
      </c>
      <c r="P352" s="2" t="s">
        <v>34</v>
      </c>
      <c r="Q352" s="2" t="s">
        <v>34</v>
      </c>
      <c r="R352" s="2" t="s">
        <v>35</v>
      </c>
      <c r="S352" s="2" t="s">
        <v>821</v>
      </c>
      <c r="T352" s="2" t="s">
        <v>34</v>
      </c>
      <c r="U352" s="2" t="s">
        <v>34</v>
      </c>
      <c r="V352" s="2" t="s">
        <v>34</v>
      </c>
    </row>
    <row r="353" spans="1:22" x14ac:dyDescent="0.25">
      <c r="A353" s="2" t="s">
        <v>21</v>
      </c>
      <c r="B353" s="3" t="s">
        <v>789</v>
      </c>
      <c r="C353" s="2" t="s">
        <v>790</v>
      </c>
      <c r="D353" s="4" t="s">
        <v>214</v>
      </c>
      <c r="E353" s="2" t="s">
        <v>215</v>
      </c>
      <c r="F353" s="2" t="s">
        <v>822</v>
      </c>
      <c r="G353" s="8" t="s">
        <v>823</v>
      </c>
      <c r="H353" s="8" t="s">
        <v>86</v>
      </c>
      <c r="I353" s="2" t="s">
        <v>218</v>
      </c>
      <c r="J353" s="2" t="s">
        <v>824</v>
      </c>
      <c r="K353" s="2" t="s">
        <v>29</v>
      </c>
      <c r="L353" s="2" t="s">
        <v>30</v>
      </c>
      <c r="M353" s="2" t="s">
        <v>31</v>
      </c>
      <c r="N353" s="2" t="s">
        <v>220</v>
      </c>
      <c r="O353" s="2" t="s">
        <v>189</v>
      </c>
      <c r="P353" s="2" t="s">
        <v>34</v>
      </c>
      <c r="Q353" s="2" t="s">
        <v>34</v>
      </c>
      <c r="R353" s="2" t="s">
        <v>35</v>
      </c>
      <c r="S353" s="2" t="s">
        <v>825</v>
      </c>
      <c r="T353" s="2" t="s">
        <v>34</v>
      </c>
      <c r="U353" s="2" t="s">
        <v>34</v>
      </c>
      <c r="V353" s="2" t="s">
        <v>34</v>
      </c>
    </row>
    <row r="354" spans="1:22" x14ac:dyDescent="0.25">
      <c r="A354" s="2" t="s">
        <v>21</v>
      </c>
      <c r="B354" s="3" t="s">
        <v>789</v>
      </c>
      <c r="C354" s="2" t="s">
        <v>790</v>
      </c>
      <c r="D354" s="4" t="s">
        <v>222</v>
      </c>
      <c r="E354" s="2" t="s">
        <v>223</v>
      </c>
      <c r="F354" s="2" t="s">
        <v>826</v>
      </c>
      <c r="G354" s="8" t="s">
        <v>86</v>
      </c>
      <c r="H354" s="8" t="s">
        <v>45</v>
      </c>
      <c r="I354" s="2" t="s">
        <v>34</v>
      </c>
      <c r="J354" s="2" t="s">
        <v>827</v>
      </c>
      <c r="K354" s="2" t="s">
        <v>29</v>
      </c>
      <c r="L354" s="2" t="s">
        <v>30</v>
      </c>
      <c r="M354" s="2" t="s">
        <v>31</v>
      </c>
      <c r="N354" s="2" t="s">
        <v>49</v>
      </c>
      <c r="O354" s="2" t="s">
        <v>33</v>
      </c>
      <c r="P354" s="2" t="s">
        <v>34</v>
      </c>
      <c r="Q354" s="2" t="s">
        <v>34</v>
      </c>
      <c r="R354" s="2" t="s">
        <v>35</v>
      </c>
      <c r="S354" s="2" t="s">
        <v>828</v>
      </c>
      <c r="T354" s="2" t="s">
        <v>34</v>
      </c>
      <c r="U354" s="2" t="s">
        <v>34</v>
      </c>
      <c r="V354" s="2" t="s">
        <v>34</v>
      </c>
    </row>
    <row r="355" spans="1:22" x14ac:dyDescent="0.25">
      <c r="A355" s="2" t="s">
        <v>21</v>
      </c>
      <c r="B355" s="3" t="s">
        <v>789</v>
      </c>
      <c r="C355" s="2" t="s">
        <v>790</v>
      </c>
      <c r="D355" s="4" t="s">
        <v>227</v>
      </c>
      <c r="E355" s="2" t="s">
        <v>42</v>
      </c>
      <c r="F355" s="2" t="s">
        <v>69</v>
      </c>
      <c r="G355" s="8" t="s">
        <v>70</v>
      </c>
      <c r="H355" s="8" t="s">
        <v>45</v>
      </c>
      <c r="I355" s="2" t="s">
        <v>55</v>
      </c>
      <c r="J355" s="2" t="s">
        <v>71</v>
      </c>
      <c r="K355" s="2" t="s">
        <v>29</v>
      </c>
      <c r="L355" s="2" t="s">
        <v>30</v>
      </c>
      <c r="M355" s="2" t="s">
        <v>48</v>
      </c>
      <c r="N355" s="2" t="s">
        <v>49</v>
      </c>
      <c r="O355" s="2" t="s">
        <v>50</v>
      </c>
      <c r="P355" s="2" t="s">
        <v>34</v>
      </c>
      <c r="Q355" s="2" t="s">
        <v>34</v>
      </c>
      <c r="R355" s="2" t="s">
        <v>35</v>
      </c>
      <c r="S355" s="2" t="s">
        <v>72</v>
      </c>
      <c r="T355" s="2" t="s">
        <v>34</v>
      </c>
      <c r="U355" s="2" t="s">
        <v>34</v>
      </c>
      <c r="V355" s="2" t="s">
        <v>34</v>
      </c>
    </row>
    <row r="356" spans="1:22" x14ac:dyDescent="0.25">
      <c r="A356" s="2" t="s">
        <v>21</v>
      </c>
      <c r="B356" s="3" t="s">
        <v>789</v>
      </c>
      <c r="C356" s="2" t="s">
        <v>790</v>
      </c>
      <c r="D356" s="4" t="s">
        <v>508</v>
      </c>
      <c r="E356" s="2" t="s">
        <v>42</v>
      </c>
      <c r="F356" s="2" t="s">
        <v>64</v>
      </c>
      <c r="G356" s="8" t="s">
        <v>65</v>
      </c>
      <c r="H356" s="8" t="s">
        <v>45</v>
      </c>
      <c r="I356" s="2" t="s">
        <v>46</v>
      </c>
      <c r="J356" s="2" t="s">
        <v>66</v>
      </c>
      <c r="K356" s="2" t="s">
        <v>29</v>
      </c>
      <c r="L356" s="2" t="s">
        <v>30</v>
      </c>
      <c r="M356" s="2" t="s">
        <v>48</v>
      </c>
      <c r="N356" s="2" t="s">
        <v>49</v>
      </c>
      <c r="O356" s="2" t="s">
        <v>50</v>
      </c>
      <c r="P356" s="2" t="s">
        <v>34</v>
      </c>
      <c r="Q356" s="2" t="s">
        <v>34</v>
      </c>
      <c r="R356" s="2" t="s">
        <v>35</v>
      </c>
      <c r="S356" s="2" t="s">
        <v>67</v>
      </c>
      <c r="T356" s="2" t="s">
        <v>34</v>
      </c>
      <c r="U356" s="2" t="s">
        <v>34</v>
      </c>
      <c r="V356" s="2" t="s">
        <v>34</v>
      </c>
    </row>
    <row r="357" spans="1:22" x14ac:dyDescent="0.25">
      <c r="A357" s="2" t="s">
        <v>21</v>
      </c>
      <c r="B357" s="3" t="s">
        <v>789</v>
      </c>
      <c r="C357" s="2" t="s">
        <v>790</v>
      </c>
      <c r="D357" s="4" t="s">
        <v>509</v>
      </c>
      <c r="E357" s="2" t="s">
        <v>42</v>
      </c>
      <c r="F357" s="2" t="s">
        <v>121</v>
      </c>
      <c r="G357" s="8" t="s">
        <v>45</v>
      </c>
      <c r="H357" s="8" t="s">
        <v>45</v>
      </c>
      <c r="I357" s="2" t="s">
        <v>46</v>
      </c>
      <c r="J357" s="2" t="s">
        <v>122</v>
      </c>
      <c r="K357" s="2" t="s">
        <v>29</v>
      </c>
      <c r="L357" s="2" t="s">
        <v>30</v>
      </c>
      <c r="M357" s="2" t="s">
        <v>48</v>
      </c>
      <c r="N357" s="2" t="s">
        <v>49</v>
      </c>
      <c r="O357" s="2" t="s">
        <v>50</v>
      </c>
      <c r="P357" s="2" t="s">
        <v>34</v>
      </c>
      <c r="Q357" s="2" t="s">
        <v>34</v>
      </c>
      <c r="R357" s="2" t="s">
        <v>35</v>
      </c>
      <c r="S357" s="2" t="s">
        <v>123</v>
      </c>
      <c r="T357" s="2" t="s">
        <v>34</v>
      </c>
      <c r="U357" s="2" t="s">
        <v>34</v>
      </c>
      <c r="V357" s="2"/>
    </row>
    <row r="358" spans="1:22" x14ac:dyDescent="0.25">
      <c r="A358" s="2" t="s">
        <v>21</v>
      </c>
      <c r="B358" s="3" t="s">
        <v>789</v>
      </c>
      <c r="C358" s="2" t="s">
        <v>790</v>
      </c>
      <c r="D358" s="4" t="s">
        <v>233</v>
      </c>
      <c r="E358" s="2" t="s">
        <v>84</v>
      </c>
      <c r="F358" s="2" t="s">
        <v>330</v>
      </c>
      <c r="G358" s="8" t="s">
        <v>337</v>
      </c>
      <c r="H358" s="8" t="s">
        <v>86</v>
      </c>
      <c r="I358" s="2" t="s">
        <v>34</v>
      </c>
      <c r="J358" s="2" t="s">
        <v>731</v>
      </c>
      <c r="K358" s="2" t="s">
        <v>29</v>
      </c>
      <c r="L358" s="2" t="s">
        <v>30</v>
      </c>
      <c r="M358" s="2" t="s">
        <v>31</v>
      </c>
      <c r="N358" s="2" t="s">
        <v>49</v>
      </c>
      <c r="O358" s="2" t="s">
        <v>33</v>
      </c>
      <c r="P358" s="2" t="s">
        <v>34</v>
      </c>
      <c r="Q358" s="2" t="s">
        <v>34</v>
      </c>
      <c r="R358" s="2" t="s">
        <v>35</v>
      </c>
      <c r="S358" s="2" t="s">
        <v>732</v>
      </c>
      <c r="T358" s="2" t="s">
        <v>34</v>
      </c>
      <c r="U358" s="2" t="s">
        <v>34</v>
      </c>
      <c r="V358" s="2"/>
    </row>
    <row r="359" spans="1:22" x14ac:dyDescent="0.25">
      <c r="A359" s="2" t="s">
        <v>21</v>
      </c>
      <c r="B359" s="3" t="s">
        <v>789</v>
      </c>
      <c r="C359" s="2" t="s">
        <v>790</v>
      </c>
      <c r="D359" s="4" t="s">
        <v>238</v>
      </c>
      <c r="E359" s="2" t="s">
        <v>197</v>
      </c>
      <c r="F359" s="2" t="s">
        <v>829</v>
      </c>
      <c r="G359" s="8" t="s">
        <v>91</v>
      </c>
      <c r="H359" s="8" t="s">
        <v>27</v>
      </c>
      <c r="I359" s="2" t="s">
        <v>241</v>
      </c>
      <c r="J359" s="2" t="s">
        <v>34</v>
      </c>
      <c r="K359" s="2" t="s">
        <v>29</v>
      </c>
      <c r="L359" s="2" t="s">
        <v>30</v>
      </c>
      <c r="M359" s="2" t="s">
        <v>31</v>
      </c>
      <c r="N359" s="2" t="s">
        <v>183</v>
      </c>
      <c r="O359" s="2" t="s">
        <v>33</v>
      </c>
      <c r="P359" s="2" t="s">
        <v>34</v>
      </c>
      <c r="Q359" s="2" t="s">
        <v>34</v>
      </c>
      <c r="R359" s="2" t="s">
        <v>35</v>
      </c>
      <c r="S359" s="2" t="s">
        <v>831</v>
      </c>
      <c r="T359" s="2" t="s">
        <v>34</v>
      </c>
      <c r="U359" s="2" t="s">
        <v>34</v>
      </c>
    </row>
    <row r="360" spans="1:22" x14ac:dyDescent="0.25">
      <c r="A360" s="2" t="s">
        <v>21</v>
      </c>
      <c r="B360" s="3" t="s">
        <v>789</v>
      </c>
      <c r="C360" s="2" t="s">
        <v>790</v>
      </c>
      <c r="D360" s="4" t="s">
        <v>244</v>
      </c>
      <c r="E360" s="2" t="s">
        <v>99</v>
      </c>
      <c r="F360" s="2" t="s">
        <v>832</v>
      </c>
      <c r="G360" s="8" t="s">
        <v>595</v>
      </c>
      <c r="H360" s="8" t="s">
        <v>27</v>
      </c>
      <c r="I360" s="2" t="s">
        <v>34</v>
      </c>
      <c r="J360" s="2" t="s">
        <v>833</v>
      </c>
      <c r="K360" s="2" t="s">
        <v>29</v>
      </c>
      <c r="L360" s="2" t="s">
        <v>30</v>
      </c>
      <c r="M360" s="2" t="s">
        <v>31</v>
      </c>
      <c r="N360" s="2" t="s">
        <v>183</v>
      </c>
      <c r="O360" s="2" t="s">
        <v>33</v>
      </c>
      <c r="P360" s="2" t="s">
        <v>34</v>
      </c>
      <c r="Q360" s="2" t="s">
        <v>34</v>
      </c>
      <c r="R360" s="2" t="s">
        <v>35</v>
      </c>
      <c r="S360" s="2" t="s">
        <v>834</v>
      </c>
      <c r="T360" s="2" t="s">
        <v>34</v>
      </c>
      <c r="U360" s="2" t="s">
        <v>34</v>
      </c>
    </row>
    <row r="361" spans="1:22" x14ac:dyDescent="0.25">
      <c r="A361" s="2" t="s">
        <v>21</v>
      </c>
      <c r="B361" s="3" t="s">
        <v>789</v>
      </c>
      <c r="C361" s="2" t="s">
        <v>790</v>
      </c>
      <c r="D361" s="4" t="s">
        <v>251</v>
      </c>
      <c r="E361" s="2" t="s">
        <v>228</v>
      </c>
      <c r="F361" s="2" t="s">
        <v>835</v>
      </c>
      <c r="G361" s="8" t="s">
        <v>91</v>
      </c>
      <c r="H361" s="8" t="s">
        <v>27</v>
      </c>
      <c r="I361" s="2" t="s">
        <v>425</v>
      </c>
      <c r="J361" s="2" t="s">
        <v>836</v>
      </c>
      <c r="K361" s="2" t="s">
        <v>29</v>
      </c>
      <c r="L361" s="2" t="s">
        <v>34</v>
      </c>
      <c r="M361" s="2" t="s">
        <v>116</v>
      </c>
      <c r="N361" s="2" t="s">
        <v>104</v>
      </c>
      <c r="O361" s="2" t="s">
        <v>33</v>
      </c>
      <c r="P361" s="2" t="s">
        <v>34</v>
      </c>
      <c r="Q361" s="2" t="s">
        <v>34</v>
      </c>
      <c r="R361" s="2" t="s">
        <v>35</v>
      </c>
      <c r="S361" s="2" t="s">
        <v>837</v>
      </c>
      <c r="T361" s="2" t="s">
        <v>34</v>
      </c>
      <c r="U361" s="2" t="s">
        <v>34</v>
      </c>
    </row>
    <row r="362" spans="1:22" x14ac:dyDescent="0.25">
      <c r="A362" s="2" t="s">
        <v>21</v>
      </c>
      <c r="B362" s="3" t="s">
        <v>789</v>
      </c>
      <c r="C362" s="2" t="s">
        <v>790</v>
      </c>
      <c r="D362" s="4" t="s">
        <v>255</v>
      </c>
      <c r="E362" s="2" t="s">
        <v>223</v>
      </c>
      <c r="F362" s="2" t="s">
        <v>826</v>
      </c>
      <c r="G362" s="8" t="s">
        <v>86</v>
      </c>
      <c r="H362" s="8" t="s">
        <v>45</v>
      </c>
      <c r="I362" s="2" t="s">
        <v>34</v>
      </c>
      <c r="J362" s="2" t="s">
        <v>827</v>
      </c>
      <c r="K362" s="2" t="s">
        <v>29</v>
      </c>
      <c r="L362" s="2" t="s">
        <v>30</v>
      </c>
      <c r="M362" s="2" t="s">
        <v>31</v>
      </c>
      <c r="N362" s="2" t="s">
        <v>49</v>
      </c>
      <c r="O362" s="2" t="s">
        <v>33</v>
      </c>
      <c r="P362" s="2" t="s">
        <v>34</v>
      </c>
      <c r="Q362" s="2" t="s">
        <v>34</v>
      </c>
      <c r="R362" s="2" t="s">
        <v>35</v>
      </c>
      <c r="S362" s="2" t="s">
        <v>828</v>
      </c>
      <c r="T362" s="2" t="s">
        <v>34</v>
      </c>
      <c r="U362" s="2" t="s">
        <v>34</v>
      </c>
    </row>
    <row r="363" spans="1:22" x14ac:dyDescent="0.25">
      <c r="A363" s="2" t="s">
        <v>21</v>
      </c>
      <c r="B363" s="3" t="s">
        <v>789</v>
      </c>
      <c r="C363" s="2" t="s">
        <v>790</v>
      </c>
      <c r="D363" s="4" t="s">
        <v>259</v>
      </c>
      <c r="E363" s="2" t="s">
        <v>215</v>
      </c>
      <c r="F363" s="2" t="s">
        <v>838</v>
      </c>
      <c r="G363" s="8" t="s">
        <v>839</v>
      </c>
      <c r="H363" s="8" t="s">
        <v>133</v>
      </c>
      <c r="I363" s="2" t="s">
        <v>204</v>
      </c>
      <c r="J363" s="2" t="s">
        <v>840</v>
      </c>
      <c r="K363" s="2" t="s">
        <v>29</v>
      </c>
      <c r="L363" s="2" t="s">
        <v>30</v>
      </c>
      <c r="M363" s="2" t="s">
        <v>31</v>
      </c>
      <c r="N363" s="2" t="s">
        <v>525</v>
      </c>
      <c r="O363" s="2" t="s">
        <v>33</v>
      </c>
      <c r="P363" s="2" t="s">
        <v>34</v>
      </c>
      <c r="Q363" s="2" t="s">
        <v>34</v>
      </c>
      <c r="R363" s="2" t="s">
        <v>35</v>
      </c>
      <c r="S363" s="2" t="s">
        <v>841</v>
      </c>
      <c r="T363" s="2" t="s">
        <v>34</v>
      </c>
      <c r="U363" s="2" t="s">
        <v>34</v>
      </c>
    </row>
    <row r="364" spans="1:22" x14ac:dyDescent="0.25">
      <c r="A364" s="2" t="s">
        <v>21</v>
      </c>
      <c r="B364" s="3" t="s">
        <v>789</v>
      </c>
      <c r="C364" s="2" t="s">
        <v>790</v>
      </c>
      <c r="D364" s="4" t="s">
        <v>263</v>
      </c>
      <c r="E364" s="2" t="s">
        <v>1874</v>
      </c>
      <c r="F364" s="2" t="s">
        <v>2013</v>
      </c>
      <c r="G364" s="8" t="s">
        <v>54</v>
      </c>
      <c r="H364" s="8" t="s">
        <v>27</v>
      </c>
      <c r="I364" s="2" t="s">
        <v>34</v>
      </c>
      <c r="J364" s="2" t="s">
        <v>34</v>
      </c>
      <c r="K364" s="2" t="s">
        <v>29</v>
      </c>
      <c r="L364" s="2" t="s">
        <v>30</v>
      </c>
      <c r="M364" s="2" t="s">
        <v>31</v>
      </c>
      <c r="N364" s="2" t="s">
        <v>183</v>
      </c>
      <c r="O364" s="2" t="s">
        <v>1702</v>
      </c>
      <c r="P364" s="2" t="s">
        <v>34</v>
      </c>
      <c r="Q364" s="2" t="s">
        <v>34</v>
      </c>
      <c r="R364" s="2" t="s">
        <v>35</v>
      </c>
      <c r="S364" s="2" t="s">
        <v>2014</v>
      </c>
      <c r="T364" s="2" t="s">
        <v>34</v>
      </c>
      <c r="U364" s="2" t="s">
        <v>34</v>
      </c>
    </row>
    <row r="365" spans="1:22" x14ac:dyDescent="0.25">
      <c r="A365" s="2" t="s">
        <v>21</v>
      </c>
      <c r="B365" s="3" t="s">
        <v>789</v>
      </c>
      <c r="C365" s="2" t="s">
        <v>790</v>
      </c>
      <c r="D365" s="4" t="s">
        <v>527</v>
      </c>
      <c r="E365" s="2" t="s">
        <v>245</v>
      </c>
      <c r="F365" s="2" t="s">
        <v>358</v>
      </c>
      <c r="G365" s="8" t="s">
        <v>108</v>
      </c>
      <c r="H365" s="8" t="s">
        <v>45</v>
      </c>
      <c r="I365" s="2" t="s">
        <v>247</v>
      </c>
      <c r="J365" s="2" t="s">
        <v>359</v>
      </c>
      <c r="K365" s="2" t="s">
        <v>29</v>
      </c>
      <c r="L365" s="2" t="s">
        <v>30</v>
      </c>
      <c r="M365" s="2" t="s">
        <v>116</v>
      </c>
      <c r="N365" s="2" t="s">
        <v>183</v>
      </c>
      <c r="O365" s="2" t="s">
        <v>249</v>
      </c>
      <c r="P365" s="2" t="s">
        <v>34</v>
      </c>
      <c r="Q365" s="2" t="s">
        <v>34</v>
      </c>
      <c r="R365" s="2" t="s">
        <v>35</v>
      </c>
      <c r="S365" s="2" t="s">
        <v>360</v>
      </c>
      <c r="T365" s="2" t="s">
        <v>34</v>
      </c>
      <c r="U365" s="2" t="s">
        <v>34</v>
      </c>
    </row>
    <row r="366" spans="1:22" x14ac:dyDescent="0.25">
      <c r="A366" s="2"/>
      <c r="B366" s="3"/>
      <c r="C366" s="2"/>
      <c r="D366" s="4"/>
      <c r="E366" s="5" t="s">
        <v>267</v>
      </c>
      <c r="F366" s="2"/>
      <c r="I366" s="2"/>
      <c r="J366" s="2"/>
      <c r="K366" s="2"/>
      <c r="L366" s="2"/>
      <c r="M366" s="2"/>
      <c r="N366" s="2"/>
      <c r="O366" s="2"/>
      <c r="P366" s="2"/>
      <c r="Q366" s="2"/>
      <c r="R366" s="2"/>
      <c r="S366" s="2"/>
      <c r="T366" s="2"/>
      <c r="U366" s="2"/>
    </row>
    <row r="367" spans="1:22" x14ac:dyDescent="0.25">
      <c r="A367" s="2"/>
      <c r="B367" s="3"/>
      <c r="C367" s="2"/>
      <c r="D367" s="4"/>
      <c r="E367" s="5"/>
      <c r="F367" s="2"/>
      <c r="I367" s="2"/>
      <c r="J367" s="2"/>
      <c r="K367" s="2"/>
      <c r="L367" s="2"/>
      <c r="M367" s="2"/>
      <c r="N367" s="2"/>
      <c r="O367" s="2"/>
      <c r="P367" s="2"/>
      <c r="Q367" s="2"/>
      <c r="R367" s="2"/>
      <c r="S367" s="2"/>
      <c r="T367" s="2"/>
      <c r="U367" s="2"/>
    </row>
  </sheetData>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DISNEY CHANNEL</vt:lpstr>
      <vt:lpstr>DISNEY JUNIOR</vt:lpstr>
    </vt:vector>
  </TitlesOfParts>
  <Company>Walt Disney International</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El Omari, Yasmine</dc:creator>
  <cp:lastModifiedBy>El Omari, Yasmine</cp:lastModifiedBy>
  <dcterms:created xsi:type="dcterms:W3CDTF">2020-12-14T11:44:00Z</dcterms:created>
  <dcterms:modified xsi:type="dcterms:W3CDTF">2021-01-04T08:57:49Z</dcterms:modified>
</cp:coreProperties>
</file>